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Brendan.shanley\AppData\Roaming\OpenText\OTEdit\infohub_aviation_govt_nz-otcs\i58176481\"/>
    </mc:Choice>
  </mc:AlternateContent>
  <xr:revisionPtr revIDLastSave="0" documentId="13_ncr:1_{5CA94362-5B5F-476F-8340-11EF3592E6F9}" xr6:coauthVersionLast="44" xr6:coauthVersionMax="47" xr10:uidLastSave="{00000000-0000-0000-0000-000000000000}"/>
  <bookViews>
    <workbookView xWindow="-98" yWindow="-98" windowWidth="20715" windowHeight="13276" xr2:uid="{AC3436FC-2C61-49A8-AF81-EC0E1B4ED571}"/>
  </bookViews>
  <sheets>
    <sheet name="Sheet1" sheetId="1" r:id="rId1"/>
  </sheet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5" uniqueCount="283">
  <si>
    <t>Airworthiness Requirements</t>
  </si>
  <si>
    <t>(1)
14 CFR 23 Amendment 23-64 Regulation</t>
  </si>
  <si>
    <t>(2)
Title</t>
  </si>
  <si>
    <t>(3) 
Part 23 regulations as of 23-63</t>
  </si>
  <si>
    <t>(4)
ASTM F44 Standards</t>
  </si>
  <si>
    <t>Compliance Matrix</t>
  </si>
  <si>
    <t>Subpart A - General</t>
  </si>
  <si>
    <t>Subpart B - Flight</t>
  </si>
  <si>
    <t>Baseline Acceptable Means of Compliance (MOC)</t>
  </si>
  <si>
    <t>If any performance based amendment 23-64 regulations become part of the certification basis, these regulations must also become part of the certification basis.</t>
  </si>
  <si>
    <t>Subpart C - Structures</t>
  </si>
  <si>
    <t>(6)
Method(s) of Compliance</t>
  </si>
  <si>
    <t>(7)
Compliance Artefact(s)</t>
  </si>
  <si>
    <t>(8)
Justification/Remarks</t>
  </si>
  <si>
    <t>(9)
Statement of Compliance</t>
  </si>
  <si>
    <t>(10)
Finding of Compliance</t>
  </si>
  <si>
    <t>Instructions for continued airworthiness</t>
  </si>
  <si>
    <t>Applicability and definitions</t>
  </si>
  <si>
    <t>Certification of normal category airplanes</t>
  </si>
  <si>
    <t>Cockpit voice recorders</t>
  </si>
  <si>
    <t>Flight data recorders</t>
  </si>
  <si>
    <t>Accepted means of compliance</t>
  </si>
  <si>
    <t>Subpart D - Design and Construction</t>
  </si>
  <si>
    <t>Subpart E - Powerplant</t>
  </si>
  <si>
    <t>Subpart F - Equipment</t>
  </si>
  <si>
    <t>Subpart G - Flightcrew Interface and Other Information</t>
  </si>
  <si>
    <t>(5)
Applicant Proposed Baseline, Blended, or Alternate MOC</t>
  </si>
  <si>
    <t>Airworthiness Directives</t>
  </si>
  <si>
    <t>NZ Part 26</t>
  </si>
  <si>
    <t>§23.2100</t>
  </si>
  <si>
    <t>Weight and center of gravity</t>
  </si>
  <si>
    <t>23.21, 23.23, 23.25, 23.29, 23.31, 23.871</t>
  </si>
  <si>
    <t>§23.2105</t>
  </si>
  <si>
    <t>Performance data</t>
  </si>
  <si>
    <t>*23.45</t>
  </si>
  <si>
    <t>§23.2110</t>
  </si>
  <si>
    <t>Stall speed</t>
  </si>
  <si>
    <t>§23.2115</t>
  </si>
  <si>
    <t>Takeoff performance</t>
  </si>
  <si>
    <t>§23.2120</t>
  </si>
  <si>
    <t>Climb requirements</t>
  </si>
  <si>
    <t>§23.2125</t>
  </si>
  <si>
    <t>Climb information</t>
  </si>
  <si>
    <t>23.66, 23.639, 23.71</t>
  </si>
  <si>
    <t>§23.2130</t>
  </si>
  <si>
    <t>Landing</t>
  </si>
  <si>
    <t>§23.2135</t>
  </si>
  <si>
    <t>Controllability</t>
  </si>
  <si>
    <t>23.141, 23.143, 23.145, 23.147, 23.149, 23.151, 23.153, 23.155, 23.157</t>
  </si>
  <si>
    <t>§23.2140</t>
  </si>
  <si>
    <t>Trim</t>
  </si>
  <si>
    <t>*23.161</t>
  </si>
  <si>
    <t>§23.2145</t>
  </si>
  <si>
    <t>Stability</t>
  </si>
  <si>
    <t>§23.2150</t>
  </si>
  <si>
    <t>Stall characteristics, stall warning, and spins</t>
  </si>
  <si>
    <t>§23.2155</t>
  </si>
  <si>
    <t>Ground and water handling characteristics</t>
  </si>
  <si>
    <t>23.231, 23.233, 23.235, 23.237, 23.239</t>
  </si>
  <si>
    <t>§23.2160</t>
  </si>
  <si>
    <t>Vibration, buffeting, and high-speed characteristics</t>
  </si>
  <si>
    <t>§23.2165</t>
  </si>
  <si>
    <t>Performance and flight characteristics requirements for flight in icing conditions</t>
  </si>
  <si>
    <t>§23.2200</t>
  </si>
  <si>
    <t>Structural design envelope</t>
  </si>
  <si>
    <t>23.333, 23.335, 23.337, 23.343, 23.345, 23.373, 23.473, 23.523</t>
  </si>
  <si>
    <t>§23.2205</t>
  </si>
  <si>
    <t>Interaction of systems and structures</t>
  </si>
  <si>
    <t>§23.2210</t>
  </si>
  <si>
    <t>Structural design loads</t>
  </si>
  <si>
    <t>23.441, 23.443, 23.445, 23.455, 23.471, 23.477, 23.479, 23.483, 23.485, 23.493, 23.497, 23.505, 23.507, 23.509, 23.511, 23.521, 23.523, 23.525, 23.527, 23.529, 23.531, 23.533, 23.535, 23, 301(d), 23.307(a, b), 23.341, 23.347, 23.349, 23.351, 23.361, 23.363, 23.365(a, b, c, d), 23.367, 23.369, 23.371, 23.373(a), 23.391, 23.393, 23.395, 23.397, 23.399, 23.405, 23.407, 23.409, 23.415, 23.421, 23.423, 23.425, 23.427, 23.321(b), 23.345(a, d), 23.301(b, c), 23.302(a, b), 23.321(a, c), 23.331, 23.333(a),  23.347, 23.459, 23.473(f)</t>
  </si>
  <si>
    <t>§23.2215</t>
  </si>
  <si>
    <t>Flight load conditions</t>
  </si>
  <si>
    <t>23.445, 23.333(c), 23.341, 23.345(a, d), 23.373(a), 23.425, 23.427, 23.347, 23.349, 23.351, 23.421, 23.423, 23.441, 23.455, 23.367, 23.391</t>
  </si>
  <si>
    <t>§23.2220</t>
  </si>
  <si>
    <t>Ground and water load conditions</t>
  </si>
  <si>
    <t>23.473(a-f), 23.477, 23.479, 23.481, 23.483, 23.485, 23.493, 23.497, 23.499, 23.505, 23.507, 23.509, 23.511, 23.521, 23.523, 23.525, 23.527, 23.529, 23.531, 23.533, 23.535, 23.537, 23.753</t>
  </si>
  <si>
    <t>§23.2225</t>
  </si>
  <si>
    <t>Component loading conditions</t>
  </si>
  <si>
    <t>§23.2230</t>
  </si>
  <si>
    <t>Limit and ultimate loads</t>
  </si>
  <si>
    <t>23.301(a), 23.303, 23.473(g)</t>
  </si>
  <si>
    <t>§23.2235</t>
  </si>
  <si>
    <t>Structural strength</t>
  </si>
  <si>
    <t>23.305(a), 23.307(a), 23.681(a), 23.723, 23.725, 23.726, 23.727, 23.729(a), 23.737, 23.1435(a)(1), 23.305(b), 23.307(b)</t>
  </si>
  <si>
    <t>§23.2240</t>
  </si>
  <si>
    <t>Structural durability</t>
  </si>
  <si>
    <t>§23.2245</t>
  </si>
  <si>
    <t>Aeroelasticity</t>
  </si>
  <si>
    <t>23.629, 23.677(c), 23.687</t>
  </si>
  <si>
    <t>§23.2250</t>
  </si>
  <si>
    <t>Design and construction principles</t>
  </si>
  <si>
    <t>§23.2255</t>
  </si>
  <si>
    <t>Protection of structure</t>
  </si>
  <si>
    <t>23.607, 23.609(a, b), 23.611, 23.689(a)(3)</t>
  </si>
  <si>
    <t>§23.2260</t>
  </si>
  <si>
    <t>Materials and processes</t>
  </si>
  <si>
    <t xml:space="preserve">23.603(a), 23.605, 23.613(a, b, c, d) </t>
  </si>
  <si>
    <t>§23.2265</t>
  </si>
  <si>
    <t>Special factors of safety</t>
  </si>
  <si>
    <t>§23.2270</t>
  </si>
  <si>
    <t>Emergency conditions</t>
  </si>
  <si>
    <t>§23.2300</t>
  </si>
  <si>
    <t>Flight control systems</t>
  </si>
  <si>
    <t>23.655, 23.671(a), 23.672, 23.675, 23.677(a, b, d), 23.679(c), 23.685, 23.691(d-f), 23.697, 23.701, 23.1329(b)</t>
  </si>
  <si>
    <t>§23.2305</t>
  </si>
  <si>
    <t>Landing gear systems</t>
  </si>
  <si>
    <t>§23.2310</t>
  </si>
  <si>
    <t>Buoyancy for seaplanes and amphibians</t>
  </si>
  <si>
    <t>23.751, 23.755, 23.757</t>
  </si>
  <si>
    <t>§23.2315</t>
  </si>
  <si>
    <t>Means of egress and emergency exits</t>
  </si>
  <si>
    <t>§23.2320</t>
  </si>
  <si>
    <t>Occupant physical environment</t>
  </si>
  <si>
    <t>§23.2325</t>
  </si>
  <si>
    <t>Fire protection</t>
  </si>
  <si>
    <t>23.851, 23.853, 23.855, 23.856, 23.859(a), 23.863, 23.1337(a), 23.1351(e), 23.1359(a, c), 23.1385(d)</t>
  </si>
  <si>
    <t>§23.2330</t>
  </si>
  <si>
    <t>Fire protection in designated fire zones and adjacent areas</t>
  </si>
  <si>
    <t>23.865, 23.1359(b)</t>
  </si>
  <si>
    <t>§23.2335</t>
  </si>
  <si>
    <t>Lightning protection</t>
  </si>
  <si>
    <t>§23.2400</t>
  </si>
  <si>
    <t>Powerplant installation</t>
  </si>
  <si>
    <t>§23.2405</t>
  </si>
  <si>
    <t>Automatic power or thrust control system</t>
  </si>
  <si>
    <t>23.904, Appendix H23.1-H23.6</t>
  </si>
  <si>
    <t>§23.2410</t>
  </si>
  <si>
    <t>Powerplant installation hazard assessment</t>
  </si>
  <si>
    <t>23.903(b-c), 23.937, 23.1141(e), 23.1143(g)</t>
  </si>
  <si>
    <t>§23.2415</t>
  </si>
  <si>
    <t>Powerplant ice protection</t>
  </si>
  <si>
    <t xml:space="preserve">23.929, 23.975, 23.1093, 23.1095, 23.1097, 23.1099 </t>
  </si>
  <si>
    <t>§23.2420</t>
  </si>
  <si>
    <t>Reversing systems</t>
  </si>
  <si>
    <t>23.933, 23.934</t>
  </si>
  <si>
    <t>§23.2425</t>
  </si>
  <si>
    <t>Powerplant operational characteristics</t>
  </si>
  <si>
    <t>23.903(d-g), 23.905(c), 23.909(a, e), 23.939, 23.943, 23.1142, 23.1145, 23.1165, 23.1337(d)</t>
  </si>
  <si>
    <t>§23.2430</t>
  </si>
  <si>
    <t>Fuel system</t>
  </si>
  <si>
    <t xml:space="preserve">23.951(a-c), 23.953, 23.954, 23.955, 23.957(a-b), 23.959, 23.961, 23.963(a, d, e), 23.965, 23.967(a, c, d, e), 23.969, 23.971, 23.973, 23.975, 23.977, 23.979, 23.991, 23.993, 23.994, 23.995, 23.997(b, d, e), 23.999, 23.1001(a-f, h), 23.1337(a, c) </t>
  </si>
  <si>
    <t>§23.2435</t>
  </si>
  <si>
    <t>Powerplant induction and exhaust systems</t>
  </si>
  <si>
    <t xml:space="preserve">23.1091, 23.1101(a), 23.1103(a-f), 23.1105, 23.1107, 23.1121, 23.1123, 23.1125 </t>
  </si>
  <si>
    <t>§23.2440</t>
  </si>
  <si>
    <t>Powerplant fire protection</t>
  </si>
  <si>
    <t>§23.2500</t>
  </si>
  <si>
    <t>Airplane level systems requirements</t>
  </si>
  <si>
    <t>23.1141(b-d), 23.1203(e), 23.1301(a), 23.1303, 23.1305, 23.1307, 23.1309(a), 23.1311, 23.1321, 23.1323, 23.1325, 23.1327, 23.1329, 23.1335, 23.1351(b, e, f, g), 23.1357, 23.1361, 23.1381(c), 23.1416</t>
  </si>
  <si>
    <t>§23.2505</t>
  </si>
  <si>
    <t>Function and installation</t>
  </si>
  <si>
    <t>23.729(d), 23.841(d)(5), 23.843(b), 23.1301(a, c), 23.1323, 23.1327, 23.1329, 23.1335, 23.1357, 23.1361, 23.1365, 23.1367(a-b), 23.1461</t>
  </si>
  <si>
    <t>§23.2510</t>
  </si>
  <si>
    <t>Equipment, systems, and installations</t>
  </si>
  <si>
    <t>§23.2515</t>
  </si>
  <si>
    <t>Electrical and electronic system lightning protection</t>
  </si>
  <si>
    <t>23.1306, 23.1437</t>
  </si>
  <si>
    <t>§23.2520</t>
  </si>
  <si>
    <t>High-intensity Radiated Fields (HIRF) protection</t>
  </si>
  <si>
    <t>§23.2525</t>
  </si>
  <si>
    <t>System power generation, storage, and distribution</t>
  </si>
  <si>
    <t>23.1303, 23.1310, 23.1331(b-c), 23.1351(a-c), 23.1353, 23.1357</t>
  </si>
  <si>
    <t>§23.2530</t>
  </si>
  <si>
    <t>External and cockpit lighting</t>
  </si>
  <si>
    <t>23.1383(a-c), 23.1385(a-c), 23.1387, 23.1389, 23.1391, 23.1393, 23.1395, 23.1397, 23.1399, 23.1401(a)(1), (b-f)</t>
  </si>
  <si>
    <t>§23.2535</t>
  </si>
  <si>
    <t>Safety equipment</t>
  </si>
  <si>
    <t xml:space="preserve">23.1141(a), (b)(1), 23.1415 </t>
  </si>
  <si>
    <t>§23.2540</t>
  </si>
  <si>
    <t>Flight in icing conditions</t>
  </si>
  <si>
    <t>§23.2545</t>
  </si>
  <si>
    <t>Pressurized systems elements</t>
  </si>
  <si>
    <t xml:space="preserve">23.1435(a)(4), (b), 23.1438m 23.1453(a), </t>
  </si>
  <si>
    <t>§23.2550</t>
  </si>
  <si>
    <t>Equipment containing high-energy rotors</t>
  </si>
  <si>
    <t>§23.2600</t>
  </si>
  <si>
    <t>Flightcrew interface</t>
  </si>
  <si>
    <t>§23.2605</t>
  </si>
  <si>
    <t>Installation and operation</t>
  </si>
  <si>
    <t>§23.2610</t>
  </si>
  <si>
    <t>Instrument markings, control markings, and placard</t>
  </si>
  <si>
    <t>§23.2615</t>
  </si>
  <si>
    <t>Flight, navigation, and powerplant instruments</t>
  </si>
  <si>
    <t>23.1142(g)(2), 23.1142, 23.1305, 23.1311(a)(1-2), 23.1311(a)(3-7), 23.1321(a, b, d, e)</t>
  </si>
  <si>
    <t>§23.2620</t>
  </si>
  <si>
    <t>Airplane flight manual</t>
  </si>
  <si>
    <t>§23.1457</t>
  </si>
  <si>
    <t>§23.1459</t>
  </si>
  <si>
    <t>§23.1529</t>
  </si>
  <si>
    <t>§23.2000</t>
  </si>
  <si>
    <t>§23.2005</t>
  </si>
  <si>
    <t>§23.2010</t>
  </si>
  <si>
    <t>23.775(f), 23.1323(d), 23.1325(b)(3), (g), 23.1419
Compliance with §23.2540 requires additional DDS.</t>
  </si>
  <si>
    <r>
      <t>*23.51</t>
    </r>
    <r>
      <rPr>
        <sz val="11"/>
        <color theme="1"/>
        <rFont val="Calibri"/>
        <family val="2"/>
      </rPr>
      <t>, 23.53, 23.55, 23.57, 23.59, 23.61</t>
    </r>
  </si>
  <si>
    <r>
      <t>*23.63</t>
    </r>
    <r>
      <rPr>
        <sz val="11"/>
        <color theme="1"/>
        <rFont val="Calibri"/>
        <family val="2"/>
      </rPr>
      <t xml:space="preserve">, 23.65, </t>
    </r>
    <r>
      <rPr>
        <b/>
        <sz val="11"/>
        <color theme="1"/>
        <rFont val="Calibri"/>
        <family val="2"/>
      </rPr>
      <t>*23.67</t>
    </r>
    <r>
      <rPr>
        <sz val="11"/>
        <color theme="1"/>
        <rFont val="Calibri"/>
        <family val="2"/>
      </rPr>
      <t xml:space="preserve">, </t>
    </r>
    <r>
      <rPr>
        <b/>
        <sz val="11"/>
        <color theme="1"/>
        <rFont val="Calibri"/>
        <family val="2"/>
      </rPr>
      <t>*23.77</t>
    </r>
  </si>
  <si>
    <r>
      <t>*23.73</t>
    </r>
    <r>
      <rPr>
        <sz val="11"/>
        <color theme="1"/>
        <rFont val="Calibri"/>
        <family val="2"/>
      </rPr>
      <t>, 23.75</t>
    </r>
  </si>
  <si>
    <r>
      <t xml:space="preserve">23.171, 23.173, 23.175, 23.177, </t>
    </r>
    <r>
      <rPr>
        <b/>
        <sz val="11"/>
        <color theme="1"/>
        <rFont val="Calibri"/>
        <family val="2"/>
      </rPr>
      <t>*23.181</t>
    </r>
  </si>
  <si>
    <r>
      <t>*23.251</t>
    </r>
    <r>
      <rPr>
        <sz val="11"/>
        <color theme="1"/>
        <rFont val="Calibri"/>
        <family val="2"/>
      </rPr>
      <t xml:space="preserve">, </t>
    </r>
    <r>
      <rPr>
        <b/>
        <sz val="11"/>
        <color theme="1"/>
        <rFont val="Calibri"/>
        <family val="2"/>
      </rPr>
      <t>*23.253</t>
    </r>
    <r>
      <rPr>
        <sz val="11"/>
        <color theme="1"/>
        <rFont val="Calibri"/>
        <family val="2"/>
      </rPr>
      <t>, 23.255</t>
    </r>
  </si>
  <si>
    <r>
      <t xml:space="preserve">23.601, 23.603, 23.607, 23.687, 23.689, 23.691(a, b), 23.723(b), 23.733, 23.373, 23.745(b), 23.775(b-d), 23.859(b-i), 23.1435(a)(3), (c), </t>
    </r>
    <r>
      <rPr>
        <b/>
        <sz val="11"/>
        <color theme="1"/>
        <rFont val="Calibri"/>
        <family val="2"/>
      </rPr>
      <t>*23.1445(a, b)</t>
    </r>
    <r>
      <rPr>
        <sz val="11"/>
        <color theme="1"/>
        <rFont val="Calibri"/>
        <family val="2"/>
      </rPr>
      <t>, 23.683, 23.783(c)(1), (e), 23.807(d)(2)</t>
    </r>
  </si>
  <si>
    <r>
      <t xml:space="preserve">23.619, 23.621, 23.623, 23.625, 23.657, 23.681(b), 23.693, </t>
    </r>
    <r>
      <rPr>
        <b/>
        <sz val="11"/>
        <color theme="1"/>
        <rFont val="Calibri"/>
        <family val="2"/>
      </rPr>
      <t>*23.785(a)</t>
    </r>
  </si>
  <si>
    <r>
      <t xml:space="preserve">23.561, 23.562, </t>
    </r>
    <r>
      <rPr>
        <b/>
        <sz val="11"/>
        <color theme="1"/>
        <rFont val="Calibri"/>
        <family val="2"/>
      </rPr>
      <t>*23.785</t>
    </r>
    <r>
      <rPr>
        <sz val="11"/>
        <color theme="1"/>
        <rFont val="Calibri"/>
        <family val="2"/>
      </rPr>
      <t>, 23.787, 23.1141(b)(2)</t>
    </r>
  </si>
  <si>
    <r>
      <t xml:space="preserve">23.771(b, c), 23.775(a, h1), </t>
    </r>
    <r>
      <rPr>
        <b/>
        <sz val="11"/>
        <color theme="1"/>
        <rFont val="Calibri"/>
        <family val="2"/>
      </rPr>
      <t>*23.831(a-c)</t>
    </r>
    <r>
      <rPr>
        <sz val="11"/>
        <color theme="1"/>
        <rFont val="Calibri"/>
        <family val="2"/>
      </rPr>
      <t xml:space="preserve">, 23.841(a, b1-b4, b8, c, d1-d3), 23.1441, 23.1443, </t>
    </r>
    <r>
      <rPr>
        <b/>
        <sz val="11"/>
        <color theme="1"/>
        <rFont val="Calibri"/>
        <family val="2"/>
      </rPr>
      <t>*23.1445</t>
    </r>
    <r>
      <rPr>
        <sz val="11"/>
        <color theme="1"/>
        <rFont val="Calibri"/>
        <family val="2"/>
      </rPr>
      <t>, 23.1447, 23.1449, 23.1450, 23.1451, 23.1453</t>
    </r>
  </si>
  <si>
    <r>
      <t xml:space="preserve">23.33, 23.901, 23.903(a), 23.905(a, b, d, f, g, h), 23.907, 23.909(b, c, d), 23.925, 23.963(b, c), 23.967(a-b), 23.979, 23.997(a, c-d), 23.1001(a-f), 23.1011, 23.1013, 23.1015, 23.1017, 23.1019, 23.1021, 23.1023, 23.1027, 23.1041, 23.1043, 23.1045, 23.1047, 23.1061, 23.1063, 23.1101, 23.1109, 23.1111, 23.1125, 23.1141(b-d), 23.1163, 23.1165, </t>
    </r>
    <r>
      <rPr>
        <b/>
        <sz val="11"/>
        <color theme="1"/>
        <rFont val="Calibri"/>
        <family val="2"/>
      </rPr>
      <t>*23.1197</t>
    </r>
    <r>
      <rPr>
        <sz val="11"/>
        <color theme="1"/>
        <rFont val="Calibri"/>
        <family val="2"/>
      </rPr>
      <t xml:space="preserve">, </t>
    </r>
    <r>
      <rPr>
        <b/>
        <sz val="11"/>
        <color theme="1"/>
        <rFont val="Calibri"/>
        <family val="2"/>
      </rPr>
      <t>*23.1199</t>
    </r>
    <r>
      <rPr>
        <sz val="11"/>
        <color theme="1"/>
        <rFont val="Calibri"/>
        <family val="2"/>
      </rPr>
      <t xml:space="preserve">, </t>
    </r>
    <r>
      <rPr>
        <b/>
        <sz val="11"/>
        <color theme="1"/>
        <rFont val="Calibri"/>
        <family val="2"/>
      </rPr>
      <t>*23.1201</t>
    </r>
    <r>
      <rPr>
        <sz val="11"/>
        <color theme="1"/>
        <rFont val="Calibri"/>
        <family val="2"/>
      </rPr>
      <t>, 23.1203(b-c)</t>
    </r>
  </si>
  <si>
    <r>
      <t xml:space="preserve">23.1141(f), 23.1181, 23.1182, 23.1183, 23.1189, 23.1191, 23.1192, 23.1193, </t>
    </r>
    <r>
      <rPr>
        <b/>
        <sz val="11"/>
        <color theme="1"/>
        <rFont val="Calibri"/>
        <family val="2"/>
      </rPr>
      <t>*23.1195</t>
    </r>
    <r>
      <rPr>
        <sz val="11"/>
        <color theme="1"/>
        <rFont val="Calibri"/>
        <family val="2"/>
      </rPr>
      <t xml:space="preserve">, </t>
    </r>
    <r>
      <rPr>
        <b/>
        <sz val="11"/>
        <color theme="1"/>
        <rFont val="Calibri"/>
        <family val="2"/>
      </rPr>
      <t>*23.1197</t>
    </r>
    <r>
      <rPr>
        <sz val="11"/>
        <color theme="1"/>
        <rFont val="Calibri"/>
        <family val="2"/>
      </rPr>
      <t>, 23.1203(a)</t>
    </r>
  </si>
  <si>
    <r>
      <t xml:space="preserve">23.677(d), 23.691(g), 23.701, 23.735(d), 23.775(g), </t>
    </r>
    <r>
      <rPr>
        <b/>
        <sz val="11"/>
        <color theme="1"/>
        <rFont val="Calibri"/>
        <family val="2"/>
      </rPr>
      <t>*23.831(d)</t>
    </r>
    <r>
      <rPr>
        <sz val="11"/>
        <color theme="1"/>
        <rFont val="Calibri"/>
        <family val="2"/>
      </rPr>
      <t>, 23.841(c), (d)(2), (d)(3), 23.1309, 23.1323, 23.1325, 23.1329, 23.1331(b-c), 23.1335, 23.1337(b-c), 23.1357, 23.1431</t>
    </r>
  </si>
  <si>
    <r>
      <t xml:space="preserve">23.671(a-b), 23.677(a), 23.697, 23.699(a-b), 23.729(e), 23.745(a-b), 23.771(a-b), 23.773(a)(1-3), 23.775(e), (h)(1-2) 23.777(a-h), 23.779(a-b), 23.781, </t>
    </r>
    <r>
      <rPr>
        <b/>
        <sz val="11"/>
        <color theme="1"/>
        <rFont val="Calibri"/>
        <family val="2"/>
      </rPr>
      <t>*23.831(c)</t>
    </r>
    <r>
      <rPr>
        <sz val="11"/>
        <color theme="1"/>
        <rFont val="Calibri"/>
        <family val="2"/>
      </rPr>
      <t>, 23.1019,  23.1141(a, g), 23.1142, 23.1143(a-f), 23.1145(a-c), 23.1147, 23.1149, 23.1153, 23.1155, 23.1157, 23.1203(d), 23.1321(a, b, e), 23.1329(b, d), 23.1335, 23.1357(d-e), 23.1361(a, c), 23.1367(c-d), 23.1419(d), 23.1435(a)(2)</t>
    </r>
  </si>
  <si>
    <r>
      <t xml:space="preserve">23.671(b), 23.672(a), 23.679(a-b), 23.691(c), 23.703(a-c), 23.729(f), 23.783(e)(3), 23.841(b)(5,6), (d)(4,5), 23.991(c), 23.1142, 23.1165(d),  23.1301(b), 23.1305, 23.1309(d), 23.1322, 23.1326, 23.1329(a-d, h), 23.1331(a), 23.1335, 23.1337(b, d), 23.1351(c)(4), (d), 23.1381(a, b), 23.1416(c) 23.1441(c), 23.1501(a), 23.1505, 23.1507, 23.1511, 23.1513, 23.1519, 23.1521, 23.1522, 23.1523(a)(1,2,3,5,6,7)(b-c), 23.1523(a)(4), 23.1524, 23.1525, </t>
    </r>
    <r>
      <rPr>
        <b/>
        <sz val="11"/>
        <color theme="1"/>
        <rFont val="Calibri"/>
        <family val="2"/>
      </rPr>
      <t>*23.1527</t>
    </r>
    <r>
      <rPr>
        <sz val="11"/>
        <color theme="1"/>
        <rFont val="Calibri"/>
        <family val="2"/>
      </rPr>
      <t>, 23.1561</t>
    </r>
  </si>
  <si>
    <r>
      <t xml:space="preserve">23.733(b), 23.777(a-h), 23.841(b)(7), 23.1001(g), 23.1307, 23.1337(b, d), 23.1450(c), 23.1501(b), 23.1541, 23.1543, </t>
    </r>
    <r>
      <rPr>
        <b/>
        <sz val="11"/>
        <color theme="1"/>
        <rFont val="Calibri"/>
        <family val="2"/>
      </rPr>
      <t>*23.1545</t>
    </r>
    <r>
      <rPr>
        <sz val="11"/>
        <color theme="1"/>
        <rFont val="Calibri"/>
        <family val="2"/>
      </rPr>
      <t>, 23.1547, 23.1549, 23.1551, 23.1553, 23.1555, 23.1557, 23.1559, 23.1561, 23.1563, 23.1567</t>
    </r>
  </si>
  <si>
    <r>
      <t xml:space="preserve">23.909(e), 23.1581, </t>
    </r>
    <r>
      <rPr>
        <b/>
        <sz val="11"/>
        <color theme="1"/>
        <rFont val="Calibri"/>
        <family val="2"/>
      </rPr>
      <t>*23.1583</t>
    </r>
    <r>
      <rPr>
        <sz val="11"/>
        <color theme="1"/>
        <rFont val="Calibri"/>
        <family val="2"/>
      </rPr>
      <t>, 23.1585, 23.1587, 23.1589</t>
    </r>
  </si>
  <si>
    <r>
      <t xml:space="preserve">For 23.2150(a) 23.201, 23.203, 23.207, </t>
    </r>
    <r>
      <rPr>
        <b/>
        <sz val="11"/>
        <color theme="1"/>
        <rFont val="Calibri"/>
        <family val="2"/>
      </rPr>
      <t>*23.221</t>
    </r>
    <r>
      <rPr>
        <sz val="11"/>
        <color theme="1"/>
        <rFont val="Calibri"/>
        <family val="2"/>
      </rPr>
      <t>.
Compliance with §23.2150 requires additional MOCs.</t>
    </r>
  </si>
  <si>
    <t>23.1419
Compliance with §23.2165 requires additional MOCs.</t>
  </si>
  <si>
    <t>23.345(b)(3), 23.373(b)
Compliance with §23.2205 requires additional MOCs</t>
  </si>
  <si>
    <t>23.361, 23.363, 23.365, 23.371, 23.393, 23.395, 23.397, 23.399, 23.405, 23.407, 23.409, 23.415 23.423, 23.425, 23.427, 23.441, 23.443, 23.445, 23.455</t>
  </si>
  <si>
    <t>N/A</t>
  </si>
  <si>
    <r>
      <t xml:space="preserve">ASTM F3264-21 Section 5.1
</t>
    </r>
    <r>
      <rPr>
        <sz val="11"/>
        <color theme="1"/>
        <rFont val="Calibri"/>
        <family val="2"/>
      </rPr>
      <t xml:space="preserve">    5.1.1: F3082/F3082M-17
    5.1.2: F3114-21</t>
    </r>
  </si>
  <si>
    <r>
      <rPr>
        <b/>
        <sz val="11"/>
        <color theme="1"/>
        <rFont val="Calibri"/>
        <family val="2"/>
      </rPr>
      <t>ASTM F3264-21 Section 10.6</t>
    </r>
    <r>
      <rPr>
        <sz val="11"/>
        <color theme="1"/>
        <rFont val="Calibri"/>
        <family val="2"/>
      </rPr>
      <t xml:space="preserve">
    10.6.1: F3120/F3120M-20
    10.6.2: F3117/F3117M-20
    10.6.3: F3408/F3408M-21</t>
    </r>
  </si>
  <si>
    <r>
      <t xml:space="preserve">ASTM F3264-21 Section 5.2
</t>
    </r>
    <r>
      <rPr>
        <sz val="11"/>
        <color theme="1"/>
        <rFont val="Calibri"/>
        <family val="2"/>
      </rPr>
      <t xml:space="preserve">    5.2.1 F3179/F3179M-20</t>
    </r>
  </si>
  <si>
    <r>
      <t>ASTM F3264-21 Section 5.3</t>
    </r>
    <r>
      <rPr>
        <sz val="11"/>
        <color theme="1"/>
        <rFont val="Calibri"/>
        <family val="2"/>
      </rPr>
      <t xml:space="preserve">
    5.3.1 F3179/F3179M-20</t>
    </r>
  </si>
  <si>
    <r>
      <t xml:space="preserve">ASTM F3264-21 Section 5.4
</t>
    </r>
    <r>
      <rPr>
        <sz val="11"/>
        <color theme="1"/>
        <rFont val="Calibri"/>
        <family val="2"/>
      </rPr>
      <t xml:space="preserve">    5.4.1 F3179/F3179M-20</t>
    </r>
  </si>
  <si>
    <r>
      <t xml:space="preserve">ASTM F3264-21 Section 5.6
</t>
    </r>
    <r>
      <rPr>
        <sz val="11"/>
        <color theme="1"/>
        <rFont val="Calibri"/>
        <family val="2"/>
      </rPr>
      <t xml:space="preserve">    5.6.1 F3179/F3179M-20</t>
    </r>
  </si>
  <si>
    <r>
      <t xml:space="preserve">ASTM F3264-21 Section 5.7
</t>
    </r>
    <r>
      <rPr>
        <sz val="11"/>
        <color theme="1"/>
        <rFont val="Calibri"/>
        <family val="2"/>
      </rPr>
      <t xml:space="preserve">    5.7.1 F3179/F3179M-20</t>
    </r>
  </si>
  <si>
    <r>
      <t xml:space="preserve">ASTM F3264-21 Section 5.8
</t>
    </r>
    <r>
      <rPr>
        <sz val="11"/>
        <color theme="1"/>
        <rFont val="Calibri"/>
        <family val="2"/>
      </rPr>
      <t xml:space="preserve">    5.8.1 F3173/F3173M-21</t>
    </r>
  </si>
  <si>
    <r>
      <t xml:space="preserve">ASTM F3264-21 Section 5.9
</t>
    </r>
    <r>
      <rPr>
        <sz val="11"/>
        <color theme="1"/>
        <rFont val="Calibri"/>
        <family val="2"/>
      </rPr>
      <t xml:space="preserve">    5.9.1 F3173/F3173M-21</t>
    </r>
  </si>
  <si>
    <r>
      <t xml:space="preserve">ASTM F3264-21 Section 5.10
</t>
    </r>
    <r>
      <rPr>
        <sz val="11"/>
        <color theme="1"/>
        <rFont val="Calibri"/>
        <family val="2"/>
      </rPr>
      <t xml:space="preserve">    5.10.1 F3173/F3173M-21</t>
    </r>
  </si>
  <si>
    <r>
      <t xml:space="preserve">ASTM F3264-21 Section 5.12
</t>
    </r>
    <r>
      <rPr>
        <sz val="11"/>
        <color theme="1"/>
        <rFont val="Calibri"/>
        <family val="2"/>
      </rPr>
      <t xml:space="preserve">    5.12.1 F3173/F3173M-21</t>
    </r>
  </si>
  <si>
    <r>
      <t xml:space="preserve">ASTM F3264-21 Section 5.13
</t>
    </r>
    <r>
      <rPr>
        <sz val="11"/>
        <color theme="1"/>
        <rFont val="Calibri"/>
        <family val="2"/>
      </rPr>
      <t xml:space="preserve">    5.13.1 F3173/F3173M-21</t>
    </r>
  </si>
  <si>
    <r>
      <t xml:space="preserve">ASTM F3264-21 Section 5.14
</t>
    </r>
    <r>
      <rPr>
        <sz val="11"/>
        <color theme="1"/>
        <rFont val="Calibri"/>
        <family val="2"/>
      </rPr>
      <t xml:space="preserve">    5.14.1 F3120/F3120M-20</t>
    </r>
  </si>
  <si>
    <r>
      <t xml:space="preserve">ASTM F3264-21 Section 6.4
</t>
    </r>
    <r>
      <rPr>
        <sz val="11"/>
        <color theme="1"/>
        <rFont val="Calibri"/>
        <family val="2"/>
      </rPr>
      <t xml:space="preserve">    6.4.1 F3116/F3116M-18e2
        6.4.1.1 F3396/F3396M-20</t>
    </r>
  </si>
  <si>
    <r>
      <t xml:space="preserve">ASTM F3264-21 Section 6.7
</t>
    </r>
    <r>
      <rPr>
        <sz val="11"/>
        <color theme="1"/>
        <rFont val="Calibri"/>
        <family val="2"/>
      </rPr>
      <t xml:space="preserve">    6.7.1 F3114-21
    6.7.2 F3408/F3408M-21</t>
    </r>
  </si>
  <si>
    <r>
      <t xml:space="preserve">ASTM F3264-21 Section 6.8
</t>
    </r>
    <r>
      <rPr>
        <sz val="11"/>
        <color theme="1"/>
        <rFont val="Calibri"/>
        <family val="2"/>
      </rPr>
      <t xml:space="preserve">    6.8.1 F3114-21
    6.8.2 F3408/F3408M-21</t>
    </r>
  </si>
  <si>
    <r>
      <t xml:space="preserve">ASTM F3264-21 Section 6.10
</t>
    </r>
    <r>
      <rPr>
        <sz val="11"/>
        <color theme="1"/>
        <rFont val="Calibri"/>
        <family val="2"/>
      </rPr>
      <t xml:space="preserve">    6.10.1 F3061/F3061M-20
    6.10.2 F3093/F3093M-21</t>
    </r>
  </si>
  <si>
    <r>
      <t xml:space="preserve">ASTM F3264-21 Section 6.13
</t>
    </r>
    <r>
      <rPr>
        <sz val="11"/>
        <color theme="1"/>
        <rFont val="Calibri"/>
        <family val="2"/>
      </rPr>
      <t xml:space="preserve">    6.13.1 F3114-21
        6.13.1.1 F3380-19
    6.13.2 F3408/F3408M-21</t>
    </r>
  </si>
  <si>
    <t>23.721(b, c), 23.729(b, c, g), 23.735(a-c), (e)</t>
  </si>
  <si>
    <r>
      <t xml:space="preserve">ASTM F3264-21 Section 8.6
</t>
    </r>
    <r>
      <rPr>
        <sz val="11"/>
        <color theme="1"/>
        <rFont val="Calibri"/>
        <family val="2"/>
      </rPr>
      <t xml:space="preserve">    8.6.1 F3062/F3062M-20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8.6.2 F3064/F3064M-21
    8.6.3 F3065/F3065M-21a
    8.6.4 F3066/F3066M-18
</t>
    </r>
    <r>
      <rPr>
        <b/>
        <sz val="11"/>
        <color theme="1"/>
        <rFont val="Calibri"/>
        <family val="2"/>
      </rPr>
      <t xml:space="preserve">    8.6.5 #F3117/F3117-20
    8.6.6 #F3239-19</t>
    </r>
  </si>
  <si>
    <r>
      <t xml:space="preserve">ASTM F3264-21 Section 8.5
</t>
    </r>
    <r>
      <rPr>
        <sz val="11"/>
        <color theme="1"/>
        <rFont val="Calibri"/>
        <family val="2"/>
      </rPr>
      <t xml:space="preserve">    8.5.1 F3062/F3062M-20
    8.5.2 F3065/F3065M-21a
</t>
    </r>
    <r>
      <rPr>
        <b/>
        <sz val="11"/>
        <color theme="1"/>
        <rFont val="Calibri"/>
        <family val="2"/>
      </rPr>
      <t xml:space="preserve">    8.5.3 #F3239-19</t>
    </r>
  </si>
  <si>
    <r>
      <t xml:space="preserve">ASTM F3264-21 Section 8.4
</t>
    </r>
    <r>
      <rPr>
        <sz val="11"/>
        <color theme="1"/>
        <rFont val="Calibri"/>
        <family val="2"/>
      </rPr>
      <t xml:space="preserve">    8.4.1 F3062/F3062M-20
    8.4.2 F3063/F3063M-20
    8.4.3 F3066/F3066M-18</t>
    </r>
    <r>
      <rPr>
        <b/>
        <sz val="11"/>
        <color theme="1"/>
        <rFont val="Calibri"/>
        <family val="2"/>
      </rPr>
      <t xml:space="preserve">
    8.4.4 #F3239-19</t>
    </r>
  </si>
  <si>
    <r>
      <t xml:space="preserve">ASTM F3264-21 Section 8.7
</t>
    </r>
    <r>
      <rPr>
        <sz val="11"/>
        <color theme="1"/>
        <rFont val="Calibri"/>
        <family val="2"/>
      </rPr>
      <t xml:space="preserve">    8.7.1 F3062/F3062M-20
    8.7.2 F3063/F3063M-20
    8.7.3 F3064/F3064M-21
    8.7.4 F3066/F3066M-18
    8.7.5 F3114-21</t>
    </r>
    <r>
      <rPr>
        <b/>
        <sz val="11"/>
        <color theme="1"/>
        <rFont val="Calibri"/>
        <family val="2"/>
      </rPr>
      <t xml:space="preserve">
    8.7.6 #F3239-19</t>
    </r>
  </si>
  <si>
    <r>
      <t xml:space="preserve">ASTM F3264-21 Section 8.2
    8.2.1 #F3061/3061M-20
 </t>
    </r>
    <r>
      <rPr>
        <sz val="11"/>
        <color theme="1"/>
        <rFont val="Calibri"/>
        <family val="2"/>
      </rPr>
      <t xml:space="preserve">   8.3.2 F3062/F3062M-20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8.3.3 F3063/F3063M-20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8.3.4 F3064/F3064M-21
    8.3.5 F3065/F3065M-21a
    8.3.6 F3066/F3066M-18</t>
    </r>
    <r>
      <rPr>
        <b/>
        <sz val="11"/>
        <color theme="1"/>
        <rFont val="Calibri"/>
        <family val="2"/>
      </rPr>
      <t xml:space="preserve">
    8.3.7 #F3117/F3117M-20
    8.3.8 #F3239-19</t>
    </r>
  </si>
  <si>
    <r>
      <t xml:space="preserve">ASTM F3264-21 Section 8.8
</t>
    </r>
    <r>
      <rPr>
        <sz val="11"/>
        <color theme="1"/>
        <rFont val="Calibri"/>
        <family val="2"/>
      </rPr>
      <t xml:space="preserve">    8.8.1 F3062/F3062M-20</t>
    </r>
    <r>
      <rPr>
        <b/>
        <sz val="11"/>
        <color theme="1"/>
        <rFont val="Calibri"/>
        <family val="2"/>
      </rPr>
      <t xml:space="preserve">
    8.8.2 #F3239-19</t>
    </r>
  </si>
  <si>
    <r>
      <t xml:space="preserve">ASTM F3264-21 Section 8.9
    8.9.1 #F3061/F3061M-20
</t>
    </r>
    <r>
      <rPr>
        <sz val="11"/>
        <color theme="1"/>
        <rFont val="Calibri"/>
        <family val="2"/>
      </rPr>
      <t xml:space="preserve">    8.9.2 F3062/F3062M-20
    8.9.3 F3063/F3063M-20
    8.9.4 F3064/F3064M-21
    8.9.5 F3066/F3066-18
</t>
    </r>
    <r>
      <rPr>
        <b/>
        <sz val="11"/>
        <color theme="1"/>
        <rFont val="Calibri"/>
        <family val="2"/>
      </rPr>
      <t xml:space="preserve">    8.9.6 #F3239-19</t>
    </r>
  </si>
  <si>
    <r>
      <t xml:space="preserve">ASTM F3264-21 Section 9.1
    9.1.1. #F3061/F3061M-20
        9.1.1.1 #F3231/F3231M-21
            9.1.1.1(a) #F3235-17a
        9.1.1.2 #F3232/F3232M-20
        9.1.1.3 #F3233/F3233M-21
            9.1.1.3(a) #F3229/F3229M-17
        9.1.1.4 #F3316/F3316M-19
</t>
    </r>
    <r>
      <rPr>
        <sz val="11"/>
        <color theme="1"/>
        <rFont val="Calibri"/>
        <family val="2"/>
      </rPr>
      <t xml:space="preserve">    9.1.2 F3064/F3064M-21
    9.1.3 F3066/F3066M-18
</t>
    </r>
    <r>
      <rPr>
        <b/>
        <sz val="11"/>
        <color theme="1"/>
        <rFont val="Calibri"/>
        <family val="2"/>
      </rPr>
      <t xml:space="preserve">    9.1.4 #F3117/F3117M-20</t>
    </r>
  </si>
  <si>
    <r>
      <t xml:space="preserve">ASTM F3264-21 Section 9.3
    9.3.1 #F3061/F3061M-20
        9.3.1.1 #F3230-20a
        9.3.1.2 #F3233/F3233M-21
        9.3.1.3 #F3227/F3227M-21
</t>
    </r>
    <r>
      <rPr>
        <sz val="11"/>
        <color theme="1"/>
        <rFont val="Calibri"/>
        <family val="2"/>
      </rPr>
      <t xml:space="preserve">        9.3.1.4 F3309/F3309M-21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9.3.2 F3408/F3408M-21</t>
    </r>
  </si>
  <si>
    <t>ASTM F3264-21 Section 9.4
    9.4.1 #F3061/F3061M-20
        9.4.1.1 #F3367-21</t>
  </si>
  <si>
    <t>ASTM F3264-21 Section 9.5
    9.5.1 #F3061/F3061M-20
        9.5.1.1 #F3236-17
        9.5.1.2 #F3367-21</t>
  </si>
  <si>
    <r>
      <t xml:space="preserve">ASTM F3264-21 Section 9.6
    9.6.1 #F3061/F3061M-20
        9.6.1.1 #F3231/F3231M-21
</t>
    </r>
    <r>
      <rPr>
        <sz val="11"/>
        <color theme="1"/>
        <rFont val="Calibri"/>
        <family val="2"/>
      </rPr>
      <t xml:space="preserve">            9.6.1.1(a) F2490-20</t>
    </r>
    <r>
      <rPr>
        <b/>
        <sz val="11"/>
        <color theme="1"/>
        <rFont val="Calibri"/>
        <family val="2"/>
      </rPr>
      <t xml:space="preserve">
        9.6.1.2 #F3233/F3233M-21
        9.6.1.3 #F3316/F3316M-21
</t>
    </r>
    <r>
      <rPr>
        <sz val="11"/>
        <color theme="1"/>
        <rFont val="Calibri"/>
        <family val="2"/>
      </rPr>
      <t xml:space="preserve">            9.6.1.3(a) F2490-20</t>
    </r>
    <r>
      <rPr>
        <b/>
        <sz val="11"/>
        <color theme="1"/>
        <rFont val="Calibri"/>
        <family val="2"/>
      </rPr>
      <t xml:space="preserve">
    9.6.2 #F3117/F3117M-20
</t>
    </r>
    <r>
      <rPr>
        <sz val="11"/>
        <color theme="1"/>
        <rFont val="Calibri"/>
        <family val="2"/>
      </rPr>
      <t xml:space="preserve">    9.6.3 F3120/F3120M-20</t>
    </r>
  </si>
  <si>
    <r>
      <t>ASTM F3264-21 Section 9.7
    9.7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9.7.1.1 #F3233/F3233M-21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9.7.1.2 #F3234/F3234M-17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9.7.2 #F3117/F3117M-20</t>
    </r>
    <r>
      <rPr>
        <sz val="11"/>
        <color theme="1"/>
        <rFont val="Calibri"/>
        <family val="2"/>
      </rPr>
      <t xml:space="preserve">
    9.7.3 F3120/F3120M-20</t>
    </r>
  </si>
  <si>
    <r>
      <t xml:space="preserve">ASTM F3264-21 Section 9.8
    9.8.1 #F3061/F3061M-20
</t>
    </r>
    <r>
      <rPr>
        <sz val="11"/>
        <color theme="1"/>
        <rFont val="Calibri"/>
        <family val="2"/>
      </rPr>
      <t xml:space="preserve">    9.8.2 F3083/F3083M-20a</t>
    </r>
    <r>
      <rPr>
        <b/>
        <sz val="11"/>
        <color theme="1"/>
        <rFont val="Calibri"/>
        <family val="2"/>
      </rPr>
      <t xml:space="preserve">
    9.8.3 #F3117/F3117M-20</t>
    </r>
  </si>
  <si>
    <r>
      <t>ASTM F3264-21 Section 9.9
    9.9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9.9.1.1 #F3233/F3233M-21</t>
    </r>
    <r>
      <rPr>
        <sz val="11"/>
        <color theme="1"/>
        <rFont val="Calibri"/>
        <family val="2"/>
      </rPr>
      <t xml:space="preserve">
    9.9.2 F3120/F3120M-20</t>
    </r>
  </si>
  <si>
    <r>
      <t>ASTM F3264-21 Section 9.10
    9.10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9.10.2 #F3229/F3229M-17</t>
    </r>
  </si>
  <si>
    <t>ASTM F3264-21 Section 9.11
    9.11.1 #F3061/F3061M-20</t>
  </si>
  <si>
    <r>
      <t>ASTM F3264-21 Section 10.1
    10.1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10.1.1.1. #F3232/F3232M-20</t>
    </r>
    <r>
      <rPr>
        <sz val="11"/>
        <color theme="1"/>
        <rFont val="Calibri"/>
        <family val="2"/>
      </rPr>
      <t xml:space="preserve">
    10.1.2 F3062/F3062M-20
    10.1.3 F3063/F3063M-20
    10.1.4 F3064/F3064M-21
    10.1.5 F3114-21
</t>
    </r>
    <r>
      <rPr>
        <b/>
        <sz val="11"/>
        <color theme="1"/>
        <rFont val="Calibri"/>
        <family val="2"/>
      </rPr>
      <t xml:space="preserve">    10.1.6 #F3117/F3117M-20
</t>
    </r>
    <r>
      <rPr>
        <sz val="11"/>
        <color theme="1"/>
        <rFont val="Calibri"/>
        <family val="2"/>
      </rPr>
      <t xml:space="preserve">    10.1.7 F3408/F3408M-21</t>
    </r>
  </si>
  <si>
    <r>
      <t>ASTM F3264-21 Section 10.2
    10.2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10.2.1.1 #F3227/F3227M-21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10.2.1.2 #F3231/F3231M-21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10.2.1.3 #F3232/F3232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10.2.1.4 #F3233/F3233M-21</t>
    </r>
    <r>
      <rPr>
        <sz val="11"/>
        <color theme="1"/>
        <rFont val="Calibri"/>
        <family val="2"/>
      </rPr>
      <t xml:space="preserve">
    10.2.2 F3062/F3062M-20
    10.2.3 F3063/F3063M-20
    10.2.4 F3064/F3064M-21
</t>
    </r>
    <r>
      <rPr>
        <b/>
        <sz val="11"/>
        <color theme="1"/>
        <rFont val="Calibri"/>
        <family val="2"/>
      </rPr>
      <t xml:space="preserve">    10.2.5 #F3117/F3117M-20</t>
    </r>
    <r>
      <rPr>
        <sz val="11"/>
        <color theme="1"/>
        <rFont val="Calibri"/>
        <family val="2"/>
      </rPr>
      <t xml:space="preserve">
    10.2.6 F3120/F3120M-20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10.2.7 F3408/F3408M-21</t>
    </r>
  </si>
  <si>
    <r>
      <t>ASTM F3264-21 Section 10.3
    10.3.1 #F3061/F3061M-20</t>
    </r>
    <r>
      <rPr>
        <sz val="11"/>
        <color theme="1"/>
        <rFont val="Calibri"/>
        <family val="2"/>
      </rPr>
      <t xml:space="preserve">
    10.3.2 F3063/F3063M-20
</t>
    </r>
    <r>
      <rPr>
        <b/>
        <sz val="11"/>
        <color theme="1"/>
        <rFont val="Calibri"/>
        <family val="2"/>
      </rPr>
      <t xml:space="preserve">    10.3.3 #F3117/F3117M-20</t>
    </r>
    <r>
      <rPr>
        <sz val="11"/>
        <color theme="1"/>
        <rFont val="Calibri"/>
        <family val="2"/>
      </rPr>
      <t xml:space="preserve">
    10.3.4 F3120/F3120M-20
    10.3.5 F3408/F3408M-21</t>
    </r>
  </si>
  <si>
    <r>
      <t>ASTM F3264-21 Section 10.4
    10.4.1 #F3061/F3061M-20</t>
    </r>
    <r>
      <rPr>
        <sz val="11"/>
        <color theme="1"/>
        <rFont val="Calibri"/>
        <family val="2"/>
      </rPr>
      <t xml:space="preserve">
    10.4.2 F3062/F3062M-20
    10.4.3 F3064/F3064M-21
        10.4.3.1 F3432-20a
</t>
    </r>
    <r>
      <rPr>
        <b/>
        <sz val="11"/>
        <color theme="1"/>
        <rFont val="Calibri"/>
        <family val="2"/>
      </rPr>
      <t xml:space="preserve">    10.4.4 #F3117/F3117M-20</t>
    </r>
  </si>
  <si>
    <r>
      <t xml:space="preserve">ASTM F3264-21 Section 5.15
</t>
    </r>
    <r>
      <rPr>
        <sz val="11"/>
        <color theme="1"/>
        <rFont val="Calibri"/>
        <family val="2"/>
      </rPr>
      <t xml:space="preserve">    5.15.1 F3174/F3174M-19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5.15.2 F3062/F3062M-20</t>
    </r>
    <r>
      <rPr>
        <b/>
        <sz val="11"/>
        <color theme="1"/>
        <rFont val="Calibri"/>
        <family val="2"/>
      </rPr>
      <t xml:space="preserve">
ASTM F3264-21 Section 10.5
    10.5.1 #F3117/F3117M-20
</t>
    </r>
    <r>
      <rPr>
        <sz val="11"/>
        <color theme="1"/>
        <rFont val="Calibri"/>
        <family val="2"/>
      </rPr>
      <t xml:space="preserve">    10.5.2 F3174/F3174M-19
    10.5.3 F3120/F3120M-20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10.5.4 F3408/F3408/21</t>
    </r>
  </si>
  <si>
    <r>
      <t xml:space="preserve">ASTM F3264-21 Section 5.5
</t>
    </r>
    <r>
      <rPr>
        <sz val="11"/>
        <color theme="1"/>
        <rFont val="Calibri"/>
        <family val="2"/>
      </rPr>
      <t xml:space="preserve">    5.5.1 F3179/F3179M-20</t>
    </r>
  </si>
  <si>
    <r>
      <t>ASTM F3264-21 Section 9.2
    9.2.1 #F3061/F3061M-20</t>
    </r>
    <r>
      <rPr>
        <sz val="11"/>
        <color theme="1"/>
        <rFont val="Calibri"/>
        <family val="2"/>
      </rPr>
      <t xml:space="preserve">
</t>
    </r>
    <r>
      <rPr>
        <b/>
        <sz val="11"/>
        <color theme="1"/>
        <rFont val="Calibri"/>
        <family val="2"/>
      </rPr>
      <t xml:space="preserve">        9.2.1.1 #F3231/F3231M-21
            9.2.1.1(a) #F3235-17a
        9.2.1.2 #F3232/F3232M-20
        9.2.1.3 #F3233/F3233M-21
        9.2.1.4 # F3116/F3116M-19
</t>
    </r>
    <r>
      <rPr>
        <sz val="11"/>
        <color theme="1"/>
        <rFont val="Calibri"/>
        <family val="2"/>
      </rPr>
      <t xml:space="preserve">    9.2.2 F3408/F3408M-21</t>
    </r>
  </si>
  <si>
    <r>
      <t xml:space="preserve">ASTM F3264-21 Section 8.2
</t>
    </r>
    <r>
      <rPr>
        <sz val="11"/>
        <color theme="1"/>
        <rFont val="Calibri"/>
        <family val="2"/>
      </rPr>
      <t xml:space="preserve">    8.2.1 F3062/F3062M-21
    8.2.2 F3064/F3064M-21
</t>
    </r>
    <r>
      <rPr>
        <b/>
        <sz val="11"/>
        <color theme="1"/>
        <rFont val="Calibri"/>
        <family val="2"/>
      </rPr>
      <t xml:space="preserve"> </t>
    </r>
    <r>
      <rPr>
        <sz val="11"/>
        <color theme="1"/>
        <rFont val="Calibri"/>
        <family val="2"/>
      </rPr>
      <t xml:space="preserve">   8.2.3 F3065/F3065M-21a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</t>
    </r>
    <r>
      <rPr>
        <b/>
        <sz val="11"/>
        <color theme="1"/>
        <rFont val="Calibri"/>
        <family val="2"/>
      </rPr>
      <t xml:space="preserve"> 8.2.4 #F3117/F3117M-20</t>
    </r>
  </si>
  <si>
    <r>
      <t xml:space="preserve">ASTM F3264-21 Section 8.1
</t>
    </r>
    <r>
      <rPr>
        <sz val="11"/>
        <color theme="1"/>
        <rFont val="Calibri"/>
        <family val="2"/>
      </rPr>
      <t xml:space="preserve">    8.1.1 F3062/F3062M-20
    8.1.2 F3063/F3063M-20
    8.1.3 F3064/F3064M-21
    8.1.4 F3066/F3066M-18
    </t>
    </r>
    <r>
      <rPr>
        <b/>
        <sz val="11"/>
        <color theme="1"/>
        <rFont val="Calibri"/>
        <family val="2"/>
      </rPr>
      <t>8.1.6 #F3239-19</t>
    </r>
  </si>
  <si>
    <t>ASTM F3264-21 Section 7.8
    7.8.1 #F3061/F3061M-20</t>
  </si>
  <si>
    <r>
      <t xml:space="preserve">ASTM F3264-21 Section 7.7
</t>
    </r>
    <r>
      <rPr>
        <sz val="11"/>
        <color theme="1"/>
        <rFont val="Calibri"/>
        <family val="2"/>
      </rPr>
      <t xml:space="preserve">    </t>
    </r>
    <r>
      <rPr>
        <b/>
        <sz val="11"/>
        <color theme="1"/>
        <rFont val="Calibri"/>
        <family val="2"/>
      </rPr>
      <t xml:space="preserve">7.7.1 #F3061/F3061-20
        7.7.1.1 #F3231/F3231M-21
</t>
    </r>
    <r>
      <rPr>
        <sz val="11"/>
        <color theme="1"/>
        <rFont val="Calibri"/>
        <family val="2"/>
      </rPr>
      <t xml:space="preserve">    7.7.2 F3066/F3066M-18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7.7.3 F3114-21</t>
    </r>
  </si>
  <si>
    <r>
      <t xml:space="preserve">ASTM F3264-21 Section 7.6
</t>
    </r>
    <r>
      <rPr>
        <sz val="11"/>
        <color theme="1"/>
        <rFont val="Calibri"/>
        <family val="2"/>
      </rPr>
      <t xml:space="preserve">    </t>
    </r>
    <r>
      <rPr>
        <b/>
        <sz val="11"/>
        <color theme="1"/>
        <rFont val="Calibri"/>
        <family val="2"/>
      </rPr>
      <t xml:space="preserve">7.6.1 #F3061/F3061M-20
        7.6.1.1 #F3231/F3231M-21
        7.6.1.2 #F3234/F3234M-17
        7.6.1.3 #F3316/F3316M-19
 </t>
    </r>
    <r>
      <rPr>
        <sz val="11"/>
        <color theme="1"/>
        <rFont val="Calibri"/>
        <family val="2"/>
      </rPr>
      <t xml:space="preserve">   7.6.2 F3066/F3066M-18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7.6.3 F3083/F3083M-20a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7.6.4 F3408/F3408M-21</t>
    </r>
  </si>
  <si>
    <r>
      <t>ASTM F3264-21 Section 7.5
    7.5.1 #F3061/F3061M-20
        7.5.1.1</t>
    </r>
    <r>
      <rPr>
        <sz val="11"/>
        <color theme="1"/>
        <rFont val="Calibri"/>
        <family val="2"/>
      </rPr>
      <t xml:space="preserve"> </t>
    </r>
    <r>
      <rPr>
        <b/>
        <sz val="11"/>
        <color theme="1"/>
        <rFont val="Calibri"/>
        <family val="2"/>
      </rPr>
      <t xml:space="preserve">#F3227/F3227M-21
</t>
    </r>
    <r>
      <rPr>
        <sz val="11"/>
        <color theme="1"/>
        <rFont val="Calibri"/>
        <family val="2"/>
      </rPr>
      <t xml:space="preserve">    7.5.2 F3083/F3083M-20a
    7.5.3 F3114-21
    7.5.4 F3117/F3117M-20</t>
    </r>
  </si>
  <si>
    <r>
      <t xml:space="preserve">ASTM F3264-21 Section 7.4
</t>
    </r>
    <r>
      <rPr>
        <sz val="11"/>
        <color theme="1"/>
        <rFont val="Calibri"/>
        <family val="2"/>
      </rPr>
      <t xml:space="preserve">  </t>
    </r>
    <r>
      <rPr>
        <b/>
        <sz val="11"/>
        <color theme="1"/>
        <rFont val="Calibri"/>
        <family val="2"/>
      </rPr>
      <t xml:space="preserve">  7.4.1 #F3061/F3061M-20
</t>
    </r>
    <r>
      <rPr>
        <sz val="11"/>
        <color theme="1"/>
        <rFont val="Calibri"/>
        <family val="2"/>
      </rPr>
      <t xml:space="preserve">    7.4.2 F3083/F3083M-20a</t>
    </r>
  </si>
  <si>
    <r>
      <t>ASTM F3264-21 Section 7.3
    7.3.1</t>
    </r>
    <r>
      <rPr>
        <sz val="11"/>
        <color theme="1"/>
        <rFont val="Calibri"/>
        <family val="2"/>
      </rPr>
      <t xml:space="preserve"> </t>
    </r>
    <r>
      <rPr>
        <b/>
        <sz val="11"/>
        <color theme="1"/>
        <rFont val="Calibri"/>
        <family val="2"/>
      </rPr>
      <t>#F3061/F3061M-20</t>
    </r>
  </si>
  <si>
    <t>ASTM F3264-21 Section 7.2
    7.2.1 #F3061/F3061M-20</t>
  </si>
  <si>
    <r>
      <t xml:space="preserve">ASTM F3264-21 Section 7.1
</t>
    </r>
    <r>
      <rPr>
        <sz val="11"/>
        <color theme="1"/>
        <rFont val="Calibri"/>
        <family val="2"/>
      </rPr>
      <t xml:space="preserve">   </t>
    </r>
    <r>
      <rPr>
        <b/>
        <sz val="11"/>
        <color theme="1"/>
        <rFont val="Calibri"/>
        <family val="2"/>
      </rPr>
      <t xml:space="preserve"> 7.1.1 #F3061/F3061M-20
        7.1.1.1 #F3232/F3232M-20
</t>
    </r>
    <r>
      <rPr>
        <sz val="11"/>
        <color theme="1"/>
        <rFont val="Calibri"/>
        <family val="2"/>
      </rPr>
      <t xml:space="preserve">    7.1.2 F3066/F3066M-18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7.1.3 F3117/F3117M-20</t>
    </r>
  </si>
  <si>
    <r>
      <t xml:space="preserve">ASTM F3264-21 Section 6.14
</t>
    </r>
    <r>
      <rPr>
        <sz val="11"/>
        <color theme="1"/>
        <rFont val="Calibri"/>
        <family val="2"/>
      </rPr>
      <t xml:space="preserve">  </t>
    </r>
    <r>
      <rPr>
        <b/>
        <sz val="11"/>
        <color theme="1"/>
        <rFont val="Calibri"/>
        <family val="2"/>
      </rPr>
      <t xml:space="preserve">  6.14.1 #F3061/F3061M-20</t>
    </r>
    <r>
      <rPr>
        <sz val="11"/>
        <color theme="1"/>
        <rFont val="Calibri"/>
        <family val="2"/>
      </rPr>
      <t xml:space="preserve">
    6.14.2 F3114-21
        6.14.2.1 F3380-19</t>
    </r>
  </si>
  <si>
    <r>
      <t xml:space="preserve">ASTM F3264-21 Section 6.15
</t>
    </r>
    <r>
      <rPr>
        <sz val="11"/>
        <color theme="1"/>
        <rFont val="Calibri"/>
        <family val="2"/>
      </rPr>
      <t xml:space="preserve">   </t>
    </r>
    <r>
      <rPr>
        <b/>
        <sz val="11"/>
        <color theme="1"/>
        <rFont val="Calibri"/>
        <family val="2"/>
      </rPr>
      <t xml:space="preserve"> 6.15.1 #F3061/F3061M-20
        6.15.1.1 #F3232/F3232M-20</t>
    </r>
    <r>
      <rPr>
        <sz val="11"/>
        <color theme="1"/>
        <rFont val="Calibri"/>
        <family val="2"/>
      </rPr>
      <t xml:space="preserve">
    6.15.2 F3083/F3083M-20a</t>
    </r>
    <r>
      <rPr>
        <b/>
        <sz val="11"/>
        <color theme="1"/>
        <rFont val="Calibri"/>
        <family val="2"/>
      </rPr>
      <t xml:space="preserve">
</t>
    </r>
    <r>
      <rPr>
        <sz val="11"/>
        <color theme="1"/>
        <rFont val="Calibri"/>
        <family val="2"/>
      </rPr>
      <t xml:space="preserve">    6.15.2 F3408/F3408M-21</t>
    </r>
  </si>
  <si>
    <r>
      <rPr>
        <b/>
        <sz val="11"/>
        <color theme="1"/>
        <rFont val="Calibri"/>
        <family val="2"/>
      </rPr>
      <t>ASTM F3264-21 Section 6.12</t>
    </r>
    <r>
      <rPr>
        <sz val="11"/>
        <color theme="1"/>
        <rFont val="Calibri"/>
        <family val="2"/>
      </rPr>
      <t xml:space="preserve">
   </t>
    </r>
    <r>
      <rPr>
        <b/>
        <sz val="11"/>
        <color theme="1"/>
        <rFont val="Calibri"/>
        <family val="2"/>
      </rPr>
      <t xml:space="preserve"> 6.12.1 #F3061/F3061M-20
        6.12.1.1 </t>
    </r>
    <r>
      <rPr>
        <sz val="11"/>
        <color theme="1"/>
        <rFont val="Calibri"/>
        <family val="2"/>
      </rPr>
      <t>#</t>
    </r>
    <r>
      <rPr>
        <b/>
        <sz val="11"/>
        <color theme="1"/>
        <rFont val="Calibri"/>
        <family val="2"/>
      </rPr>
      <t>F3232/F3232M-20</t>
    </r>
    <r>
      <rPr>
        <sz val="11"/>
        <color theme="1"/>
        <rFont val="Calibri"/>
        <family val="2"/>
      </rPr>
      <t xml:space="preserve">
    6.12.2 F3114-21
        6.12.2.1 F3380-19
    6.12.3 F3066/F3066M-18
    6.12.4 F3408/F3084M-21</t>
    </r>
  </si>
  <si>
    <r>
      <t xml:space="preserve">ASTM F3264-21 Section 6.11
</t>
    </r>
    <r>
      <rPr>
        <sz val="11"/>
        <color theme="1"/>
        <rFont val="Calibri"/>
        <family val="2"/>
      </rPr>
      <t xml:space="preserve">  </t>
    </r>
    <r>
      <rPr>
        <b/>
        <sz val="11"/>
        <color theme="1"/>
        <rFont val="Calibri"/>
        <family val="2"/>
      </rPr>
      <t xml:space="preserve">  6.11.1 #F3061/F3061M-20
        6.11.1.1 #F3232/F3232M-20</t>
    </r>
    <r>
      <rPr>
        <sz val="11"/>
        <color theme="1"/>
        <rFont val="Calibri"/>
        <family val="2"/>
      </rPr>
      <t xml:space="preserve">
    6.11.2 F3114-21
        6.11.2.1 F3380-19
    6.11.3 F3408/F3408-21</t>
    </r>
  </si>
  <si>
    <r>
      <t xml:space="preserve">ASTM F3264-21 Section 6.9
</t>
    </r>
    <r>
      <rPr>
        <sz val="11"/>
        <color theme="1"/>
        <rFont val="Calibri"/>
        <family val="2"/>
      </rPr>
      <t xml:space="preserve">    6.9.1 F3061/F3061M-20
    6.9.2 F3066/F3066M-18
    6.9.3 F3115/F3115M-20
        6.9.3.1 F3380-19
  </t>
    </r>
    <r>
      <rPr>
        <b/>
        <sz val="11"/>
        <color theme="1"/>
        <rFont val="Calibri"/>
        <family val="2"/>
      </rPr>
      <t xml:space="preserve">  6.9.4 #F3116/F3116M-18e2</t>
    </r>
  </si>
  <si>
    <r>
      <t xml:space="preserve">ASTM F3264-21 Section 6.5
</t>
    </r>
    <r>
      <rPr>
        <sz val="11"/>
        <color theme="1"/>
        <rFont val="Calibri"/>
        <family val="2"/>
      </rPr>
      <t xml:space="preserve">   </t>
    </r>
    <r>
      <rPr>
        <b/>
        <sz val="11"/>
        <color theme="1"/>
        <rFont val="Calibri"/>
        <family val="2"/>
      </rPr>
      <t xml:space="preserve"> 6.5.1 #F3116/F3116M-18e2</t>
    </r>
    <r>
      <rPr>
        <sz val="11"/>
        <color theme="1"/>
        <rFont val="Calibri"/>
        <family val="2"/>
      </rPr>
      <t xml:space="preserve">
        6.5.1.1 F3331-18</t>
    </r>
  </si>
  <si>
    <r>
      <t xml:space="preserve">ASTM F3264-21 Section 6.6
</t>
    </r>
    <r>
      <rPr>
        <sz val="11"/>
        <color theme="1"/>
        <rFont val="Calibri"/>
        <family val="2"/>
      </rPr>
      <t xml:space="preserve">  </t>
    </r>
    <r>
      <rPr>
        <b/>
        <sz val="11"/>
        <color theme="1"/>
        <rFont val="Calibri"/>
        <family val="2"/>
      </rPr>
      <t xml:space="preserve">  6.6.1 #F3061/F3061M-20</t>
    </r>
    <r>
      <rPr>
        <sz val="11"/>
        <color theme="1"/>
        <rFont val="Calibri"/>
        <family val="2"/>
      </rPr>
      <t xml:space="preserve">
        6.6.1.1 F3232/F3232M-20
   </t>
    </r>
    <r>
      <rPr>
        <b/>
        <sz val="11"/>
        <color theme="1"/>
        <rFont val="Calibri"/>
        <family val="2"/>
      </rPr>
      <t xml:space="preserve"> 6.6.2 #F3116/F3116M-18e2</t>
    </r>
  </si>
  <si>
    <r>
      <t xml:space="preserve">ASTM F3264-21 Section 6.3
</t>
    </r>
    <r>
      <rPr>
        <sz val="11"/>
        <color theme="1"/>
        <rFont val="Calibri"/>
        <family val="2"/>
      </rPr>
      <t xml:space="preserve">  </t>
    </r>
    <r>
      <rPr>
        <b/>
        <sz val="11"/>
        <color theme="1"/>
        <rFont val="Calibri"/>
        <family val="2"/>
      </rPr>
      <t xml:space="preserve">  6.3.1 #F3116/F3116M-18e2</t>
    </r>
    <r>
      <rPr>
        <sz val="11"/>
        <color theme="1"/>
        <rFont val="Calibri"/>
        <family val="2"/>
      </rPr>
      <t xml:space="preserve">
    6.3.2 F3408/F3408M-21</t>
    </r>
  </si>
  <si>
    <r>
      <t xml:space="preserve">ASTM F3264-21 Section 6.1
</t>
    </r>
    <r>
      <rPr>
        <sz val="11"/>
        <color theme="1"/>
        <rFont val="Calibri"/>
        <family val="2"/>
      </rPr>
      <t xml:space="preserve"> </t>
    </r>
    <r>
      <rPr>
        <b/>
        <sz val="11"/>
        <color theme="1"/>
        <rFont val="Calibri"/>
        <family val="2"/>
      </rPr>
      <t xml:space="preserve">   6.1.1 #F3116/F3116M-18e2</t>
    </r>
    <r>
      <rPr>
        <sz val="11"/>
        <color theme="1"/>
        <rFont val="Calibri"/>
        <family val="2"/>
      </rPr>
      <t xml:space="preserve">
        6.1.1.1 F3396/F3396M-20</t>
    </r>
  </si>
  <si>
    <r>
      <t xml:space="preserve">ASTM F3264-21 Section 6.2
</t>
    </r>
    <r>
      <rPr>
        <sz val="11"/>
        <color theme="1"/>
        <rFont val="Calibri"/>
        <family val="2"/>
      </rPr>
      <t xml:space="preserve"> </t>
    </r>
    <r>
      <rPr>
        <b/>
        <sz val="11"/>
        <color theme="1"/>
        <rFont val="Calibri"/>
        <family val="2"/>
      </rPr>
      <t xml:space="preserve">   6.2.1 #F3254-19</t>
    </r>
  </si>
  <si>
    <r>
      <t xml:space="preserve">ASTM F3264-21 Section 5.11
</t>
    </r>
    <r>
      <rPr>
        <sz val="11"/>
        <color theme="1"/>
        <rFont val="Calibri"/>
        <family val="2"/>
      </rPr>
      <t xml:space="preserve">    </t>
    </r>
    <r>
      <rPr>
        <b/>
        <sz val="11"/>
        <color theme="1"/>
        <rFont val="Calibri"/>
        <family val="2"/>
      </rPr>
      <t>5.11.1 #F3180/F3180M-19</t>
    </r>
  </si>
  <si>
    <r>
      <rPr>
        <b/>
        <sz val="11"/>
        <color theme="1"/>
        <rFont val="Calibri"/>
        <family val="2"/>
      </rPr>
      <t>ASTM F3264-21 Section 9.12</t>
    </r>
    <r>
      <rPr>
        <sz val="11"/>
        <color theme="1"/>
        <rFont val="Calibri"/>
        <family val="2"/>
      </rPr>
      <t xml:space="preserve">
    9.12.1: F3061/F3061M-20
     </t>
    </r>
    <r>
      <rPr>
        <b/>
        <sz val="11"/>
        <color theme="1"/>
        <rFont val="Calibri"/>
        <family val="2"/>
      </rPr>
      <t xml:space="preserve">   9.12.1.1: #F3228-17</t>
    </r>
  </si>
  <si>
    <r>
      <rPr>
        <b/>
        <sz val="11"/>
        <color theme="1"/>
        <rFont val="Calibri"/>
        <family val="2"/>
      </rPr>
      <t>ASTM F3264-21 Section 9.13</t>
    </r>
    <r>
      <rPr>
        <sz val="11"/>
        <color theme="1"/>
        <rFont val="Calibri"/>
        <family val="2"/>
      </rPr>
      <t xml:space="preserve">
    9.13.1: F3061/F3061M-20
       </t>
    </r>
    <r>
      <rPr>
        <b/>
        <sz val="11"/>
        <color theme="1"/>
        <rFont val="Calibri"/>
        <family val="2"/>
      </rPr>
      <t xml:space="preserve"> 9.13.1.1: #F3228-17</t>
    </r>
  </si>
  <si>
    <r>
      <t xml:space="preserve">23.365(e), </t>
    </r>
    <r>
      <rPr>
        <b/>
        <sz val="11"/>
        <color theme="1"/>
        <rFont val="Calibri"/>
        <family val="2"/>
      </rPr>
      <t>*23.571</t>
    </r>
    <r>
      <rPr>
        <sz val="11"/>
        <color theme="1"/>
        <rFont val="Calibri"/>
        <family val="2"/>
      </rPr>
      <t>, 23.572, 23.573, 23.574, 23.575</t>
    </r>
  </si>
  <si>
    <t>23.783(a, b, c2-c6, d-g), 23.787(a2), 23.803, 23.805, 23.807(a-c, d1, d3, d4, e), 23.811, 23.812, 23.813, 23.81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1"/>
      <color theme="1"/>
      <name val="Calibri"/>
      <family val="2"/>
    </font>
    <font>
      <b/>
      <sz val="11"/>
      <color theme="1"/>
      <name val="Calibri"/>
      <family val="2"/>
    </font>
    <font>
      <sz val="11"/>
      <color rgb="FF000000"/>
      <name val="Calibri"/>
      <family val="2"/>
    </font>
    <font>
      <sz val="11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</borders>
  <cellStyleXfs count="1">
    <xf numFmtId="0" fontId="0" fillId="0" borderId="0"/>
  </cellStyleXfs>
  <cellXfs count="51">
    <xf numFmtId="0" fontId="0" fillId="0" borderId="0" xfId="0"/>
    <xf numFmtId="0" fontId="0" fillId="0" borderId="1" xfId="0" applyFont="1" applyBorder="1" applyAlignment="1">
      <alignment horizontal="center" vertical="top" wrapText="1"/>
    </xf>
    <xf numFmtId="0" fontId="0" fillId="0" borderId="1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center" vertical="top" wrapText="1"/>
    </xf>
    <xf numFmtId="0" fontId="3" fillId="0" borderId="1" xfId="0" applyFont="1" applyBorder="1" applyAlignment="1">
      <alignment horizontal="left" vertical="top" wrapText="1"/>
    </xf>
    <xf numFmtId="49" fontId="0" fillId="0" borderId="0" xfId="0" applyNumberFormat="1" applyFont="1" applyAlignment="1">
      <alignment vertical="top" wrapText="1"/>
    </xf>
    <xf numFmtId="49" fontId="0" fillId="0" borderId="0" xfId="0" applyNumberFormat="1" applyFont="1" applyAlignment="1">
      <alignment horizontal="center" vertical="top" wrapText="1"/>
    </xf>
    <xf numFmtId="49" fontId="0" fillId="0" borderId="1" xfId="0" applyNumberFormat="1" applyFont="1" applyBorder="1" applyAlignment="1">
      <alignment horizontal="center" vertical="top" wrapText="1"/>
    </xf>
    <xf numFmtId="49" fontId="0" fillId="0" borderId="1" xfId="0" applyNumberFormat="1" applyFont="1" applyBorder="1" applyAlignment="1">
      <alignment vertical="top" wrapText="1"/>
    </xf>
    <xf numFmtId="49" fontId="0" fillId="0" borderId="1" xfId="0" applyNumberFormat="1" applyFont="1" applyBorder="1" applyAlignment="1">
      <alignment horizontal="left" vertical="top" wrapText="1"/>
    </xf>
    <xf numFmtId="49" fontId="0" fillId="0" borderId="0" xfId="0" applyNumberFormat="1" applyFont="1" applyAlignment="1">
      <alignment horizontal="left" vertical="top" wrapText="1"/>
    </xf>
    <xf numFmtId="0" fontId="2" fillId="0" borderId="1" xfId="0" applyFont="1" applyBorder="1" applyAlignment="1">
      <alignment horizontal="center" vertical="top" wrapText="1"/>
    </xf>
    <xf numFmtId="0" fontId="2" fillId="0" borderId="1" xfId="0" applyFont="1" applyBorder="1" applyAlignment="1">
      <alignment vertical="top" wrapText="1"/>
    </xf>
    <xf numFmtId="49" fontId="0" fillId="0" borderId="4" xfId="0" applyNumberFormat="1" applyFont="1" applyBorder="1" applyAlignment="1">
      <alignment horizontal="center" vertical="top" wrapText="1"/>
    </xf>
    <xf numFmtId="49" fontId="0" fillId="0" borderId="4" xfId="0" applyNumberFormat="1" applyFont="1" applyBorder="1" applyAlignment="1">
      <alignment vertical="top" wrapText="1"/>
    </xf>
    <xf numFmtId="49" fontId="0" fillId="0" borderId="4" xfId="0" applyNumberFormat="1" applyFont="1" applyBorder="1" applyAlignment="1">
      <alignment horizontal="left" vertical="top" wrapText="1"/>
    </xf>
    <xf numFmtId="49" fontId="1" fillId="0" borderId="8" xfId="0" applyNumberFormat="1" applyFont="1" applyBorder="1" applyAlignment="1">
      <alignment horizontal="center" vertical="top" wrapText="1"/>
    </xf>
    <xf numFmtId="49" fontId="0" fillId="3" borderId="4" xfId="0" applyNumberFormat="1" applyFont="1" applyFill="1" applyBorder="1" applyAlignment="1">
      <alignment vertical="top" wrapText="1"/>
    </xf>
    <xf numFmtId="49" fontId="0" fillId="3" borderId="1" xfId="0" applyNumberFormat="1" applyFont="1" applyFill="1" applyBorder="1" applyAlignment="1">
      <alignment vertical="top" wrapText="1"/>
    </xf>
    <xf numFmtId="0" fontId="2" fillId="3" borderId="1" xfId="0" applyFont="1" applyFill="1" applyBorder="1" applyAlignment="1">
      <alignment horizontal="center" vertical="top" wrapText="1"/>
    </xf>
    <xf numFmtId="0" fontId="2" fillId="3" borderId="1" xfId="0" applyFont="1" applyFill="1" applyBorder="1" applyAlignment="1">
      <alignment vertical="top" wrapText="1"/>
    </xf>
    <xf numFmtId="0" fontId="1" fillId="3" borderId="1" xfId="0" applyFont="1" applyFill="1" applyBorder="1" applyAlignment="1">
      <alignment horizontal="left" vertical="top" wrapText="1"/>
    </xf>
    <xf numFmtId="49" fontId="0" fillId="3" borderId="1" xfId="0" applyNumberFormat="1" applyFont="1" applyFill="1" applyBorder="1" applyAlignment="1">
      <alignment horizontal="center" vertical="top" wrapText="1"/>
    </xf>
    <xf numFmtId="49" fontId="0" fillId="3" borderId="1" xfId="0" applyNumberFormat="1" applyFont="1" applyFill="1" applyBorder="1" applyAlignment="1">
      <alignment horizontal="left" vertical="top" wrapText="1"/>
    </xf>
    <xf numFmtId="0" fontId="0" fillId="3" borderId="1" xfId="0" applyFont="1" applyFill="1" applyBorder="1" applyAlignment="1">
      <alignment horizontal="left" vertical="top" wrapText="1"/>
    </xf>
    <xf numFmtId="0" fontId="0" fillId="3" borderId="1" xfId="0" applyFont="1" applyFill="1" applyBorder="1" applyAlignment="1">
      <alignment horizontal="center" vertical="top" wrapText="1"/>
    </xf>
    <xf numFmtId="49" fontId="0" fillId="0" borderId="1" xfId="0" applyNumberFormat="1" applyFont="1" applyBorder="1" applyAlignment="1">
      <alignment horizontal="center" vertical="top" wrapText="1"/>
    </xf>
    <xf numFmtId="0" fontId="0" fillId="3" borderId="1" xfId="0" applyFont="1" applyFill="1" applyBorder="1" applyAlignment="1">
      <alignment horizontal="left" vertical="top" wrapText="1"/>
    </xf>
    <xf numFmtId="49" fontId="0" fillId="3" borderId="1" xfId="0" applyNumberFormat="1" applyFont="1" applyFill="1" applyBorder="1" applyAlignment="1">
      <alignment horizontal="center" vertical="top" wrapText="1"/>
    </xf>
    <xf numFmtId="49" fontId="0" fillId="3" borderId="1" xfId="0" applyNumberFormat="1" applyFont="1" applyFill="1" applyBorder="1" applyAlignment="1">
      <alignment horizontal="left" vertical="top" wrapText="1"/>
    </xf>
    <xf numFmtId="49" fontId="0" fillId="0" borderId="1" xfId="0" applyNumberFormat="1" applyFont="1" applyBorder="1" applyAlignment="1">
      <alignment horizontal="left" vertical="top" wrapText="1"/>
    </xf>
    <xf numFmtId="0" fontId="1" fillId="3" borderId="1" xfId="0" applyFont="1" applyFill="1" applyBorder="1" applyAlignment="1">
      <alignment horizontal="left" vertical="top" wrapText="1"/>
    </xf>
    <xf numFmtId="49" fontId="1" fillId="0" borderId="1" xfId="0" applyNumberFormat="1" applyFont="1" applyBorder="1" applyAlignment="1">
      <alignment horizontal="center" vertical="top" wrapText="1"/>
    </xf>
    <xf numFmtId="0" fontId="0" fillId="0" borderId="1" xfId="0" applyFont="1" applyBorder="1" applyAlignment="1">
      <alignment horizontal="center" vertical="top" wrapText="1"/>
    </xf>
    <xf numFmtId="0" fontId="1" fillId="0" borderId="1" xfId="0" applyFont="1" applyBorder="1" applyAlignment="1">
      <alignment horizontal="center" vertical="top" wrapText="1"/>
    </xf>
    <xf numFmtId="0" fontId="1" fillId="0" borderId="8" xfId="0" applyFont="1" applyBorder="1" applyAlignment="1">
      <alignment horizontal="center" vertical="top" wrapText="1"/>
    </xf>
    <xf numFmtId="49" fontId="1" fillId="0" borderId="8" xfId="0" applyNumberFormat="1" applyFont="1" applyBorder="1" applyAlignment="1">
      <alignment horizontal="center" vertical="top" wrapText="1"/>
    </xf>
    <xf numFmtId="49" fontId="1" fillId="2" borderId="5" xfId="0" applyNumberFormat="1" applyFont="1" applyFill="1" applyBorder="1" applyAlignment="1">
      <alignment horizontal="left" vertical="top" wrapText="1"/>
    </xf>
    <xf numFmtId="49" fontId="1" fillId="2" borderId="6" xfId="0" applyNumberFormat="1" applyFont="1" applyFill="1" applyBorder="1" applyAlignment="1">
      <alignment horizontal="left" vertical="top" wrapText="1"/>
    </xf>
    <xf numFmtId="49" fontId="1" fillId="2" borderId="7" xfId="0" applyNumberFormat="1" applyFont="1" applyFill="1" applyBorder="1" applyAlignment="1">
      <alignment horizontal="left" vertical="top" wrapText="1"/>
    </xf>
    <xf numFmtId="0" fontId="2" fillId="3" borderId="1" xfId="0" applyFont="1" applyFill="1" applyBorder="1" applyAlignment="1">
      <alignment horizontal="center" vertical="top" wrapText="1"/>
    </xf>
    <xf numFmtId="0" fontId="2" fillId="3" borderId="1" xfId="0" applyFont="1" applyFill="1" applyBorder="1" applyAlignment="1">
      <alignment vertical="top" wrapText="1"/>
    </xf>
    <xf numFmtId="0" fontId="2" fillId="0" borderId="1" xfId="0" applyFont="1" applyBorder="1" applyAlignment="1">
      <alignment horizontal="center" vertical="top" wrapText="1"/>
    </xf>
    <xf numFmtId="0" fontId="2" fillId="0" borderId="1" xfId="0" applyFont="1" applyBorder="1" applyAlignment="1">
      <alignment vertical="top" wrapText="1"/>
    </xf>
    <xf numFmtId="0" fontId="0" fillId="0" borderId="1" xfId="0" applyFont="1" applyBorder="1" applyAlignment="1">
      <alignment horizontal="left" vertical="top" wrapText="1"/>
    </xf>
    <xf numFmtId="0" fontId="2" fillId="3" borderId="1" xfId="0" applyFont="1" applyFill="1" applyBorder="1" applyAlignment="1">
      <alignment horizontal="left" vertical="top" wrapText="1"/>
    </xf>
    <xf numFmtId="0" fontId="0" fillId="3" borderId="1" xfId="0" applyFont="1" applyFill="1" applyBorder="1" applyAlignment="1">
      <alignment horizontal="center" vertical="top" wrapText="1"/>
    </xf>
    <xf numFmtId="0" fontId="1" fillId="3" borderId="2" xfId="0" applyFont="1" applyFill="1" applyBorder="1" applyAlignment="1">
      <alignment horizontal="left" vertical="top" wrapText="1"/>
    </xf>
    <xf numFmtId="0" fontId="0" fillId="3" borderId="4" xfId="0" applyFont="1" applyFill="1" applyBorder="1" applyAlignment="1">
      <alignment horizontal="left" vertical="top" wrapText="1"/>
    </xf>
    <xf numFmtId="0" fontId="1" fillId="3" borderId="3" xfId="0" applyFont="1" applyFill="1" applyBorder="1" applyAlignment="1">
      <alignment horizontal="left" vertical="top" wrapText="1"/>
    </xf>
    <xf numFmtId="0" fontId="1" fillId="3" borderId="4" xfId="0" applyFont="1" applyFill="1" applyBorder="1" applyAlignment="1">
      <alignment horizontal="left"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4394CB6-4578-4F9E-9CCB-FA1F429929FC}">
  <dimension ref="A1:J178"/>
  <sheetViews>
    <sheetView tabSelected="1" zoomScaleNormal="100" workbookViewId="0">
      <pane ySplit="4" topLeftCell="A5" activePane="bottomLeft" state="frozen"/>
      <selection pane="bottomLeft" activeCell="A2" sqref="A2:A4"/>
    </sheetView>
  </sheetViews>
  <sheetFormatPr defaultColWidth="9" defaultRowHeight="14.25" x14ac:dyDescent="0.45"/>
  <cols>
    <col min="1" max="1" width="19" style="6" customWidth="1"/>
    <col min="2" max="2" width="35" style="5" customWidth="1"/>
    <col min="3" max="3" width="19.59765625" style="10" customWidth="1"/>
    <col min="4" max="4" width="31.265625" style="10" customWidth="1"/>
    <col min="5" max="5" width="26.59765625" style="6" customWidth="1"/>
    <col min="6" max="6" width="14.265625" style="6" customWidth="1"/>
    <col min="7" max="7" width="13.3984375" style="6" customWidth="1"/>
    <col min="8" max="8" width="25.59765625" style="10" customWidth="1"/>
    <col min="9" max="10" width="20.265625" style="6" customWidth="1"/>
    <col min="11" max="16384" width="9" style="5"/>
  </cols>
  <sheetData>
    <row r="1" spans="1:10" x14ac:dyDescent="0.45">
      <c r="A1" s="32" t="s">
        <v>5</v>
      </c>
      <c r="B1" s="32"/>
      <c r="C1" s="32"/>
      <c r="D1" s="32"/>
      <c r="E1" s="32"/>
      <c r="F1" s="32"/>
      <c r="G1" s="32"/>
      <c r="H1" s="32"/>
      <c r="I1" s="32"/>
      <c r="J1" s="32"/>
    </row>
    <row r="2" spans="1:10" s="6" customFormat="1" x14ac:dyDescent="0.45">
      <c r="A2" s="32" t="s">
        <v>1</v>
      </c>
      <c r="B2" s="32" t="s">
        <v>2</v>
      </c>
      <c r="C2" s="32" t="s">
        <v>0</v>
      </c>
      <c r="D2" s="32"/>
      <c r="E2" s="32"/>
      <c r="F2" s="32" t="s">
        <v>11</v>
      </c>
      <c r="G2" s="32" t="s">
        <v>12</v>
      </c>
      <c r="H2" s="32" t="s">
        <v>13</v>
      </c>
      <c r="I2" s="32" t="s">
        <v>14</v>
      </c>
      <c r="J2" s="34" t="s">
        <v>15</v>
      </c>
    </row>
    <row r="3" spans="1:10" s="6" customFormat="1" x14ac:dyDescent="0.45">
      <c r="A3" s="32"/>
      <c r="B3" s="32"/>
      <c r="C3" s="32" t="s">
        <v>8</v>
      </c>
      <c r="D3" s="32"/>
      <c r="E3" s="32" t="s">
        <v>26</v>
      </c>
      <c r="F3" s="34"/>
      <c r="G3" s="34"/>
      <c r="H3" s="34"/>
      <c r="I3" s="34"/>
      <c r="J3" s="34"/>
    </row>
    <row r="4" spans="1:10" s="6" customFormat="1" ht="46.5" customHeight="1" thickBot="1" x14ac:dyDescent="0.5">
      <c r="A4" s="36"/>
      <c r="B4" s="36"/>
      <c r="C4" s="16" t="s">
        <v>3</v>
      </c>
      <c r="D4" s="16" t="s">
        <v>4</v>
      </c>
      <c r="E4" s="36"/>
      <c r="F4" s="35"/>
      <c r="G4" s="35"/>
      <c r="H4" s="35"/>
      <c r="I4" s="35"/>
      <c r="J4" s="35"/>
    </row>
    <row r="5" spans="1:10" ht="42.75" x14ac:dyDescent="0.45">
      <c r="A5" s="13" t="s">
        <v>187</v>
      </c>
      <c r="B5" s="14" t="s">
        <v>19</v>
      </c>
      <c r="C5" s="14" t="s">
        <v>214</v>
      </c>
      <c r="D5" s="17" t="s">
        <v>279</v>
      </c>
      <c r="E5" s="13"/>
      <c r="F5" s="13"/>
      <c r="G5" s="13"/>
      <c r="H5" s="15"/>
      <c r="I5" s="13"/>
      <c r="J5" s="13"/>
    </row>
    <row r="6" spans="1:10" ht="42.75" x14ac:dyDescent="0.45">
      <c r="A6" s="7" t="s">
        <v>188</v>
      </c>
      <c r="B6" s="8" t="s">
        <v>20</v>
      </c>
      <c r="C6" s="8" t="s">
        <v>214</v>
      </c>
      <c r="D6" s="18" t="s">
        <v>280</v>
      </c>
      <c r="E6" s="7"/>
      <c r="F6" s="7"/>
      <c r="G6" s="7"/>
      <c r="H6" s="9"/>
      <c r="I6" s="7"/>
      <c r="J6" s="7"/>
    </row>
    <row r="7" spans="1:10" ht="57" x14ac:dyDescent="0.45">
      <c r="A7" s="7" t="s">
        <v>189</v>
      </c>
      <c r="B7" s="8" t="s">
        <v>16</v>
      </c>
      <c r="C7" s="8" t="s">
        <v>214</v>
      </c>
      <c r="D7" s="18" t="s">
        <v>216</v>
      </c>
      <c r="E7" s="7"/>
      <c r="F7" s="7"/>
      <c r="G7" s="7"/>
      <c r="H7" s="9"/>
      <c r="I7" s="7"/>
      <c r="J7" s="7"/>
    </row>
    <row r="8" spans="1:10" x14ac:dyDescent="0.45">
      <c r="A8" s="37" t="s">
        <v>6</v>
      </c>
      <c r="B8" s="38"/>
      <c r="C8" s="38"/>
      <c r="D8" s="38"/>
      <c r="E8" s="38"/>
      <c r="F8" s="38"/>
      <c r="G8" s="38"/>
      <c r="H8" s="38"/>
      <c r="I8" s="38"/>
      <c r="J8" s="39"/>
    </row>
    <row r="9" spans="1:10" x14ac:dyDescent="0.45">
      <c r="A9" s="7" t="s">
        <v>190</v>
      </c>
      <c r="B9" s="8" t="s">
        <v>17</v>
      </c>
      <c r="C9" s="26" t="s">
        <v>9</v>
      </c>
      <c r="D9" s="33"/>
      <c r="E9" s="7"/>
      <c r="F9" s="7"/>
      <c r="G9" s="7"/>
      <c r="H9" s="9"/>
      <c r="I9" s="7"/>
      <c r="J9" s="7"/>
    </row>
    <row r="10" spans="1:10" x14ac:dyDescent="0.45">
      <c r="A10" s="7" t="s">
        <v>191</v>
      </c>
      <c r="B10" s="8" t="s">
        <v>18</v>
      </c>
      <c r="C10" s="33"/>
      <c r="D10" s="33"/>
      <c r="E10" s="7"/>
      <c r="F10" s="7"/>
      <c r="G10" s="7"/>
      <c r="H10" s="9"/>
      <c r="I10" s="7"/>
      <c r="J10" s="7"/>
    </row>
    <row r="11" spans="1:10" x14ac:dyDescent="0.45">
      <c r="A11" s="7" t="s">
        <v>192</v>
      </c>
      <c r="B11" s="8" t="s">
        <v>21</v>
      </c>
      <c r="C11" s="33"/>
      <c r="D11" s="33"/>
      <c r="E11" s="7"/>
      <c r="F11" s="7"/>
      <c r="G11" s="7"/>
      <c r="H11" s="9"/>
      <c r="I11" s="7"/>
      <c r="J11" s="7"/>
    </row>
    <row r="12" spans="1:10" x14ac:dyDescent="0.45">
      <c r="A12" s="37" t="s">
        <v>7</v>
      </c>
      <c r="B12" s="38"/>
      <c r="C12" s="38"/>
      <c r="D12" s="38"/>
      <c r="E12" s="38"/>
      <c r="F12" s="38"/>
      <c r="G12" s="38"/>
      <c r="H12" s="38"/>
      <c r="I12" s="38"/>
      <c r="J12" s="39"/>
    </row>
    <row r="13" spans="1:10" x14ac:dyDescent="0.45">
      <c r="A13" s="40" t="s">
        <v>29</v>
      </c>
      <c r="B13" s="41" t="s">
        <v>30</v>
      </c>
      <c r="C13" s="27" t="s">
        <v>31</v>
      </c>
      <c r="D13" s="31" t="s">
        <v>215</v>
      </c>
      <c r="E13" s="28"/>
      <c r="F13" s="28"/>
      <c r="G13" s="28"/>
      <c r="H13" s="29"/>
      <c r="I13" s="28"/>
      <c r="J13" s="28"/>
    </row>
    <row r="14" spans="1:10" ht="30" customHeight="1" x14ac:dyDescent="0.45">
      <c r="A14" s="40"/>
      <c r="B14" s="41"/>
      <c r="C14" s="27"/>
      <c r="D14" s="31"/>
      <c r="E14" s="28"/>
      <c r="F14" s="28"/>
      <c r="G14" s="28"/>
      <c r="H14" s="29"/>
      <c r="I14" s="28"/>
      <c r="J14" s="28"/>
    </row>
    <row r="15" spans="1:10" ht="28.5" x14ac:dyDescent="0.45">
      <c r="A15" s="19" t="s">
        <v>32</v>
      </c>
      <c r="B15" s="20" t="s">
        <v>33</v>
      </c>
      <c r="C15" s="21" t="s">
        <v>34</v>
      </c>
      <c r="D15" s="21" t="s">
        <v>217</v>
      </c>
      <c r="E15" s="22"/>
      <c r="F15" s="22"/>
      <c r="G15" s="22"/>
      <c r="H15" s="23"/>
      <c r="I15" s="22"/>
      <c r="J15" s="22"/>
    </row>
    <row r="16" spans="1:10" ht="28.5" x14ac:dyDescent="0.45">
      <c r="A16" s="19" t="s">
        <v>35</v>
      </c>
      <c r="B16" s="20" t="s">
        <v>36</v>
      </c>
      <c r="C16" s="24">
        <v>23.49</v>
      </c>
      <c r="D16" s="21" t="s">
        <v>218</v>
      </c>
      <c r="E16" s="22"/>
      <c r="F16" s="22"/>
      <c r="G16" s="22"/>
      <c r="H16" s="23"/>
      <c r="I16" s="22"/>
      <c r="J16" s="22"/>
    </row>
    <row r="17" spans="1:10" ht="28.5" x14ac:dyDescent="0.45">
      <c r="A17" s="19" t="s">
        <v>37</v>
      </c>
      <c r="B17" s="20" t="s">
        <v>38</v>
      </c>
      <c r="C17" s="21" t="s">
        <v>194</v>
      </c>
      <c r="D17" s="21" t="s">
        <v>219</v>
      </c>
      <c r="E17" s="22"/>
      <c r="F17" s="22"/>
      <c r="G17" s="22"/>
      <c r="H17" s="23"/>
      <c r="I17" s="22"/>
      <c r="J17" s="22"/>
    </row>
    <row r="18" spans="1:10" ht="28.5" x14ac:dyDescent="0.45">
      <c r="A18" s="19" t="s">
        <v>39</v>
      </c>
      <c r="B18" s="20" t="s">
        <v>40</v>
      </c>
      <c r="C18" s="21" t="s">
        <v>195</v>
      </c>
      <c r="D18" s="21" t="s">
        <v>256</v>
      </c>
      <c r="E18" s="22"/>
      <c r="F18" s="22"/>
      <c r="G18" s="22"/>
      <c r="H18" s="23"/>
      <c r="I18" s="22"/>
      <c r="J18" s="22"/>
    </row>
    <row r="19" spans="1:10" ht="28.5" x14ac:dyDescent="0.45">
      <c r="A19" s="19" t="s">
        <v>41</v>
      </c>
      <c r="B19" s="20" t="s">
        <v>42</v>
      </c>
      <c r="C19" s="24" t="s">
        <v>43</v>
      </c>
      <c r="D19" s="21" t="s">
        <v>220</v>
      </c>
      <c r="E19" s="22"/>
      <c r="F19" s="22"/>
      <c r="G19" s="22"/>
      <c r="H19" s="23"/>
      <c r="I19" s="22"/>
      <c r="J19" s="22"/>
    </row>
    <row r="20" spans="1:10" ht="28.5" x14ac:dyDescent="0.45">
      <c r="A20" s="19" t="s">
        <v>44</v>
      </c>
      <c r="B20" s="20" t="s">
        <v>45</v>
      </c>
      <c r="C20" s="21" t="s">
        <v>196</v>
      </c>
      <c r="D20" s="21" t="s">
        <v>221</v>
      </c>
      <c r="E20" s="22"/>
      <c r="F20" s="22"/>
      <c r="G20" s="22"/>
      <c r="H20" s="23"/>
      <c r="I20" s="22"/>
      <c r="J20" s="22"/>
    </row>
    <row r="21" spans="1:10" ht="42.75" x14ac:dyDescent="0.45">
      <c r="A21" s="19" t="s">
        <v>46</v>
      </c>
      <c r="B21" s="20" t="s">
        <v>47</v>
      </c>
      <c r="C21" s="24" t="s">
        <v>48</v>
      </c>
      <c r="D21" s="21" t="s">
        <v>222</v>
      </c>
      <c r="E21" s="22"/>
      <c r="F21" s="22"/>
      <c r="G21" s="22"/>
      <c r="H21" s="23"/>
      <c r="I21" s="22"/>
      <c r="J21" s="22"/>
    </row>
    <row r="22" spans="1:10" ht="28.5" x14ac:dyDescent="0.45">
      <c r="A22" s="19" t="s">
        <v>49</v>
      </c>
      <c r="B22" s="20" t="s">
        <v>50</v>
      </c>
      <c r="C22" s="21" t="s">
        <v>51</v>
      </c>
      <c r="D22" s="21" t="s">
        <v>223</v>
      </c>
      <c r="E22" s="22"/>
      <c r="F22" s="22"/>
      <c r="G22" s="22"/>
      <c r="H22" s="23"/>
      <c r="I22" s="22"/>
      <c r="J22" s="22"/>
    </row>
    <row r="23" spans="1:10" ht="28.5" x14ac:dyDescent="0.45">
      <c r="A23" s="19" t="s">
        <v>52</v>
      </c>
      <c r="B23" s="20" t="s">
        <v>53</v>
      </c>
      <c r="C23" s="24" t="s">
        <v>197</v>
      </c>
      <c r="D23" s="21" t="s">
        <v>224</v>
      </c>
      <c r="E23" s="22"/>
      <c r="F23" s="22"/>
      <c r="G23" s="22"/>
      <c r="H23" s="23"/>
      <c r="I23" s="22"/>
      <c r="J23" s="22"/>
    </row>
    <row r="24" spans="1:10" ht="65.650000000000006" customHeight="1" x14ac:dyDescent="0.45">
      <c r="A24" s="40" t="s">
        <v>54</v>
      </c>
      <c r="B24" s="41" t="s">
        <v>55</v>
      </c>
      <c r="C24" s="27" t="s">
        <v>210</v>
      </c>
      <c r="D24" s="31" t="s">
        <v>278</v>
      </c>
      <c r="E24" s="28"/>
      <c r="F24" s="28"/>
      <c r="G24" s="28"/>
      <c r="H24" s="29"/>
      <c r="I24" s="28"/>
      <c r="J24" s="28"/>
    </row>
    <row r="25" spans="1:10" x14ac:dyDescent="0.45">
      <c r="A25" s="40"/>
      <c r="B25" s="41"/>
      <c r="C25" s="27"/>
      <c r="D25" s="31"/>
      <c r="E25" s="28"/>
      <c r="F25" s="28"/>
      <c r="G25" s="28"/>
      <c r="H25" s="29"/>
      <c r="I25" s="28"/>
      <c r="J25" s="28"/>
    </row>
    <row r="26" spans="1:10" ht="28.5" x14ac:dyDescent="0.45">
      <c r="A26" s="19" t="s">
        <v>56</v>
      </c>
      <c r="B26" s="20" t="s">
        <v>57</v>
      </c>
      <c r="C26" s="24" t="s">
        <v>58</v>
      </c>
      <c r="D26" s="21" t="s">
        <v>225</v>
      </c>
      <c r="E26" s="22"/>
      <c r="F26" s="22"/>
      <c r="G26" s="22"/>
      <c r="H26" s="23"/>
      <c r="I26" s="22"/>
      <c r="J26" s="22"/>
    </row>
    <row r="27" spans="1:10" ht="28.5" x14ac:dyDescent="0.45">
      <c r="A27" s="19" t="s">
        <v>59</v>
      </c>
      <c r="B27" s="20" t="s">
        <v>60</v>
      </c>
      <c r="C27" s="21" t="s">
        <v>198</v>
      </c>
      <c r="D27" s="21" t="s">
        <v>226</v>
      </c>
      <c r="E27" s="22"/>
      <c r="F27" s="22"/>
      <c r="G27" s="22"/>
      <c r="H27" s="23"/>
      <c r="I27" s="22"/>
      <c r="J27" s="22"/>
    </row>
    <row r="28" spans="1:10" ht="52.5" customHeight="1" x14ac:dyDescent="0.45">
      <c r="A28" s="40" t="s">
        <v>61</v>
      </c>
      <c r="B28" s="41" t="s">
        <v>62</v>
      </c>
      <c r="C28" s="27" t="s">
        <v>211</v>
      </c>
      <c r="D28" s="31" t="s">
        <v>227</v>
      </c>
      <c r="E28" s="28"/>
      <c r="F28" s="28"/>
      <c r="G28" s="28"/>
      <c r="H28" s="29"/>
      <c r="I28" s="28"/>
      <c r="J28" s="28"/>
    </row>
    <row r="29" spans="1:10" x14ac:dyDescent="0.45">
      <c r="A29" s="40"/>
      <c r="B29" s="41"/>
      <c r="C29" s="27"/>
      <c r="D29" s="31"/>
      <c r="E29" s="28"/>
      <c r="F29" s="28"/>
      <c r="G29" s="28"/>
      <c r="H29" s="29"/>
      <c r="I29" s="28"/>
      <c r="J29" s="28"/>
    </row>
    <row r="30" spans="1:10" x14ac:dyDescent="0.45">
      <c r="A30" s="37" t="s">
        <v>10</v>
      </c>
      <c r="B30" s="38"/>
      <c r="C30" s="38"/>
      <c r="D30" s="38"/>
      <c r="E30" s="38"/>
      <c r="F30" s="38"/>
      <c r="G30" s="38"/>
      <c r="H30" s="38"/>
      <c r="I30" s="38"/>
      <c r="J30" s="39"/>
    </row>
    <row r="31" spans="1:10" ht="42.75" x14ac:dyDescent="0.45">
      <c r="A31" s="19" t="s">
        <v>63</v>
      </c>
      <c r="B31" s="20" t="s">
        <v>64</v>
      </c>
      <c r="C31" s="24" t="s">
        <v>65</v>
      </c>
      <c r="D31" s="21" t="s">
        <v>276</v>
      </c>
      <c r="E31" s="22"/>
      <c r="F31" s="22"/>
      <c r="G31" s="22"/>
      <c r="H31" s="23"/>
      <c r="I31" s="22"/>
      <c r="J31" s="22"/>
    </row>
    <row r="32" spans="1:10" ht="52.5" customHeight="1" x14ac:dyDescent="0.45">
      <c r="A32" s="40" t="s">
        <v>66</v>
      </c>
      <c r="B32" s="41" t="s">
        <v>67</v>
      </c>
      <c r="C32" s="27" t="s">
        <v>212</v>
      </c>
      <c r="D32" s="31" t="s">
        <v>277</v>
      </c>
      <c r="E32" s="28"/>
      <c r="F32" s="28"/>
      <c r="G32" s="28"/>
      <c r="H32" s="29"/>
      <c r="I32" s="28"/>
      <c r="J32" s="28"/>
    </row>
    <row r="33" spans="1:10" x14ac:dyDescent="0.45">
      <c r="A33" s="40"/>
      <c r="B33" s="41"/>
      <c r="C33" s="27"/>
      <c r="D33" s="31"/>
      <c r="E33" s="28"/>
      <c r="F33" s="28"/>
      <c r="G33" s="28"/>
      <c r="H33" s="29"/>
      <c r="I33" s="28"/>
      <c r="J33" s="28"/>
    </row>
    <row r="34" spans="1:10" ht="327.75" x14ac:dyDescent="0.45">
      <c r="A34" s="19" t="s">
        <v>68</v>
      </c>
      <c r="B34" s="20" t="s">
        <v>69</v>
      </c>
      <c r="C34" s="24" t="s">
        <v>70</v>
      </c>
      <c r="D34" s="21" t="s">
        <v>275</v>
      </c>
      <c r="E34" s="22"/>
      <c r="F34" s="22"/>
      <c r="G34" s="22"/>
      <c r="H34" s="23"/>
      <c r="I34" s="22"/>
      <c r="J34" s="22"/>
    </row>
    <row r="35" spans="1:10" ht="99.75" x14ac:dyDescent="0.45">
      <c r="A35" s="11" t="s">
        <v>71</v>
      </c>
      <c r="B35" s="12" t="s">
        <v>72</v>
      </c>
      <c r="C35" s="2" t="s">
        <v>73</v>
      </c>
      <c r="D35" s="21" t="s">
        <v>228</v>
      </c>
      <c r="E35" s="7"/>
      <c r="F35" s="7"/>
      <c r="G35" s="7"/>
      <c r="H35" s="9"/>
      <c r="I35" s="7"/>
      <c r="J35" s="7"/>
    </row>
    <row r="36" spans="1:10" ht="95.65" customHeight="1" x14ac:dyDescent="0.45">
      <c r="A36" s="42" t="s">
        <v>74</v>
      </c>
      <c r="B36" s="43" t="s">
        <v>75</v>
      </c>
      <c r="C36" s="44" t="s">
        <v>76</v>
      </c>
      <c r="D36" s="31" t="s">
        <v>273</v>
      </c>
      <c r="E36" s="26"/>
      <c r="F36" s="26"/>
      <c r="G36" s="26"/>
      <c r="H36" s="30"/>
      <c r="I36" s="26"/>
      <c r="J36" s="26"/>
    </row>
    <row r="37" spans="1:10" x14ac:dyDescent="0.45">
      <c r="A37" s="42"/>
      <c r="B37" s="43"/>
      <c r="C37" s="44"/>
      <c r="D37" s="31"/>
      <c r="E37" s="26"/>
      <c r="F37" s="26"/>
      <c r="G37" s="26"/>
      <c r="H37" s="30"/>
      <c r="I37" s="26"/>
      <c r="J37" s="26"/>
    </row>
    <row r="38" spans="1:10" x14ac:dyDescent="0.45">
      <c r="A38" s="42"/>
      <c r="B38" s="43"/>
      <c r="C38" s="44"/>
      <c r="D38" s="31"/>
      <c r="E38" s="26"/>
      <c r="F38" s="26"/>
      <c r="G38" s="26"/>
      <c r="H38" s="30"/>
      <c r="I38" s="26"/>
      <c r="J38" s="26"/>
    </row>
    <row r="39" spans="1:10" ht="114" customHeight="1" x14ac:dyDescent="0.45">
      <c r="A39" s="42" t="s">
        <v>77</v>
      </c>
      <c r="B39" s="43" t="s">
        <v>78</v>
      </c>
      <c r="C39" s="44" t="s">
        <v>213</v>
      </c>
      <c r="D39" s="31" t="s">
        <v>274</v>
      </c>
      <c r="E39" s="26"/>
      <c r="F39" s="26"/>
      <c r="G39" s="26"/>
      <c r="H39" s="30"/>
      <c r="I39" s="26"/>
      <c r="J39" s="26"/>
    </row>
    <row r="40" spans="1:10" x14ac:dyDescent="0.45">
      <c r="A40" s="42"/>
      <c r="B40" s="43"/>
      <c r="C40" s="44"/>
      <c r="D40" s="31"/>
      <c r="E40" s="26"/>
      <c r="F40" s="26"/>
      <c r="G40" s="26"/>
      <c r="H40" s="30"/>
      <c r="I40" s="26"/>
      <c r="J40" s="26"/>
    </row>
    <row r="41" spans="1:10" ht="42.75" x14ac:dyDescent="0.45">
      <c r="A41" s="19" t="s">
        <v>79</v>
      </c>
      <c r="B41" s="20" t="s">
        <v>80</v>
      </c>
      <c r="C41" s="24" t="s">
        <v>81</v>
      </c>
      <c r="D41" s="21" t="s">
        <v>229</v>
      </c>
      <c r="E41" s="22"/>
      <c r="F41" s="22"/>
      <c r="G41" s="22"/>
      <c r="H41" s="23"/>
      <c r="I41" s="22"/>
      <c r="J41" s="22"/>
    </row>
    <row r="42" spans="1:10" ht="100.15" customHeight="1" x14ac:dyDescent="0.45">
      <c r="A42" s="19" t="s">
        <v>82</v>
      </c>
      <c r="B42" s="20" t="s">
        <v>83</v>
      </c>
      <c r="C42" s="24" t="s">
        <v>84</v>
      </c>
      <c r="D42" s="21" t="s">
        <v>230</v>
      </c>
      <c r="E42" s="22"/>
      <c r="F42" s="22"/>
      <c r="G42" s="22"/>
      <c r="H42" s="23"/>
      <c r="I42" s="22"/>
      <c r="J42" s="22"/>
    </row>
    <row r="43" spans="1:10" ht="24.75" customHeight="1" x14ac:dyDescent="0.45">
      <c r="A43" s="40" t="s">
        <v>85</v>
      </c>
      <c r="B43" s="41" t="s">
        <v>86</v>
      </c>
      <c r="C43" s="27" t="s">
        <v>281</v>
      </c>
      <c r="D43" s="31" t="s">
        <v>272</v>
      </c>
      <c r="E43" s="28"/>
      <c r="F43" s="28"/>
      <c r="G43" s="28"/>
      <c r="H43" s="29"/>
      <c r="I43" s="28"/>
      <c r="J43" s="28"/>
    </row>
    <row r="44" spans="1:10" ht="64.5" customHeight="1" x14ac:dyDescent="0.45">
      <c r="A44" s="40"/>
      <c r="B44" s="41"/>
      <c r="C44" s="27"/>
      <c r="D44" s="31"/>
      <c r="E44" s="28"/>
      <c r="F44" s="28"/>
      <c r="G44" s="28"/>
      <c r="H44" s="29"/>
      <c r="I44" s="28"/>
      <c r="J44" s="28"/>
    </row>
    <row r="45" spans="1:10" x14ac:dyDescent="0.45">
      <c r="A45" s="40" t="s">
        <v>87</v>
      </c>
      <c r="B45" s="41" t="s">
        <v>88</v>
      </c>
      <c r="C45" s="27" t="s">
        <v>89</v>
      </c>
      <c r="D45" s="31" t="s">
        <v>231</v>
      </c>
      <c r="E45" s="28"/>
      <c r="F45" s="28"/>
      <c r="G45" s="28"/>
      <c r="H45" s="29"/>
      <c r="I45" s="28"/>
      <c r="J45" s="28"/>
    </row>
    <row r="46" spans="1:10" ht="28.5" customHeight="1" x14ac:dyDescent="0.45">
      <c r="A46" s="40"/>
      <c r="B46" s="41"/>
      <c r="C46" s="27"/>
      <c r="D46" s="31"/>
      <c r="E46" s="28"/>
      <c r="F46" s="28"/>
      <c r="G46" s="28"/>
      <c r="H46" s="29"/>
      <c r="I46" s="28"/>
      <c r="J46" s="28"/>
    </row>
    <row r="47" spans="1:10" ht="119.25" customHeight="1" x14ac:dyDescent="0.45">
      <c r="A47" s="40" t="s">
        <v>90</v>
      </c>
      <c r="B47" s="41" t="s">
        <v>91</v>
      </c>
      <c r="C47" s="27" t="s">
        <v>199</v>
      </c>
      <c r="D47" s="31" t="s">
        <v>271</v>
      </c>
      <c r="E47" s="28"/>
      <c r="F47" s="28"/>
      <c r="G47" s="28"/>
      <c r="H47" s="29"/>
      <c r="I47" s="28"/>
      <c r="J47" s="28"/>
    </row>
    <row r="48" spans="1:10" x14ac:dyDescent="0.45">
      <c r="A48" s="40"/>
      <c r="B48" s="41"/>
      <c r="C48" s="27"/>
      <c r="D48" s="31"/>
      <c r="E48" s="28"/>
      <c r="F48" s="28"/>
      <c r="G48" s="28"/>
      <c r="H48" s="29"/>
      <c r="I48" s="28"/>
      <c r="J48" s="28"/>
    </row>
    <row r="49" spans="1:10" x14ac:dyDescent="0.45">
      <c r="A49" s="40"/>
      <c r="B49" s="41"/>
      <c r="C49" s="27"/>
      <c r="D49" s="31"/>
      <c r="E49" s="28"/>
      <c r="F49" s="28"/>
      <c r="G49" s="28"/>
      <c r="H49" s="29"/>
      <c r="I49" s="28"/>
      <c r="J49" s="28"/>
    </row>
    <row r="50" spans="1:10" ht="61.5" customHeight="1" x14ac:dyDescent="0.45">
      <c r="A50" s="40" t="s">
        <v>92</v>
      </c>
      <c r="B50" s="41" t="s">
        <v>93</v>
      </c>
      <c r="C50" s="27" t="s">
        <v>94</v>
      </c>
      <c r="D50" s="29" t="s">
        <v>270</v>
      </c>
      <c r="E50" s="28"/>
      <c r="F50" s="28"/>
      <c r="G50" s="28"/>
      <c r="H50" s="29"/>
      <c r="I50" s="28"/>
      <c r="J50" s="28"/>
    </row>
    <row r="51" spans="1:10" x14ac:dyDescent="0.45">
      <c r="A51" s="40"/>
      <c r="B51" s="41"/>
      <c r="C51" s="27"/>
      <c r="D51" s="29"/>
      <c r="E51" s="28"/>
      <c r="F51" s="28"/>
      <c r="G51" s="28"/>
      <c r="H51" s="29"/>
      <c r="I51" s="28"/>
      <c r="J51" s="28"/>
    </row>
    <row r="52" spans="1:10" x14ac:dyDescent="0.45">
      <c r="A52" s="40"/>
      <c r="B52" s="41"/>
      <c r="C52" s="27"/>
      <c r="D52" s="29"/>
      <c r="E52" s="28"/>
      <c r="F52" s="28"/>
      <c r="G52" s="28"/>
      <c r="H52" s="29"/>
      <c r="I52" s="28"/>
      <c r="J52" s="28"/>
    </row>
    <row r="53" spans="1:10" x14ac:dyDescent="0.45">
      <c r="A53" s="40"/>
      <c r="B53" s="41"/>
      <c r="C53" s="27"/>
      <c r="D53" s="29"/>
      <c r="E53" s="28"/>
      <c r="F53" s="28"/>
      <c r="G53" s="28"/>
      <c r="H53" s="29"/>
      <c r="I53" s="28"/>
      <c r="J53" s="28"/>
    </row>
    <row r="54" spans="1:10" ht="33" customHeight="1" x14ac:dyDescent="0.45">
      <c r="A54" s="40" t="s">
        <v>95</v>
      </c>
      <c r="B54" s="41" t="s">
        <v>96</v>
      </c>
      <c r="C54" s="27" t="s">
        <v>97</v>
      </c>
      <c r="D54" s="31" t="s">
        <v>232</v>
      </c>
      <c r="E54" s="28"/>
      <c r="F54" s="28"/>
      <c r="G54" s="28"/>
      <c r="H54" s="29"/>
      <c r="I54" s="28"/>
      <c r="J54" s="28"/>
    </row>
    <row r="55" spans="1:10" x14ac:dyDescent="0.45">
      <c r="A55" s="40"/>
      <c r="B55" s="41"/>
      <c r="C55" s="27"/>
      <c r="D55" s="31"/>
      <c r="E55" s="28"/>
      <c r="F55" s="28"/>
      <c r="G55" s="28"/>
      <c r="H55" s="29"/>
      <c r="I55" s="28"/>
      <c r="J55" s="28"/>
    </row>
    <row r="56" spans="1:10" ht="38.25" customHeight="1" x14ac:dyDescent="0.45">
      <c r="A56" s="40" t="s">
        <v>98</v>
      </c>
      <c r="B56" s="41" t="s">
        <v>99</v>
      </c>
      <c r="C56" s="27" t="s">
        <v>200</v>
      </c>
      <c r="D56" s="31" t="s">
        <v>268</v>
      </c>
      <c r="E56" s="28"/>
      <c r="F56" s="28"/>
      <c r="G56" s="28"/>
      <c r="H56" s="29"/>
      <c r="I56" s="28"/>
      <c r="J56" s="28"/>
    </row>
    <row r="57" spans="1:10" x14ac:dyDescent="0.45">
      <c r="A57" s="40"/>
      <c r="B57" s="41"/>
      <c r="C57" s="27"/>
      <c r="D57" s="31"/>
      <c r="E57" s="28"/>
      <c r="F57" s="28"/>
      <c r="G57" s="28"/>
      <c r="H57" s="29"/>
      <c r="I57" s="28"/>
      <c r="J57" s="28"/>
    </row>
    <row r="58" spans="1:10" x14ac:dyDescent="0.45">
      <c r="A58" s="40"/>
      <c r="B58" s="41"/>
      <c r="C58" s="27"/>
      <c r="D58" s="31"/>
      <c r="E58" s="28"/>
      <c r="F58" s="28"/>
      <c r="G58" s="28"/>
      <c r="H58" s="29"/>
      <c r="I58" s="28"/>
      <c r="J58" s="28"/>
    </row>
    <row r="59" spans="1:10" x14ac:dyDescent="0.45">
      <c r="A59" s="40" t="s">
        <v>100</v>
      </c>
      <c r="B59" s="41" t="s">
        <v>101</v>
      </c>
      <c r="C59" s="27" t="s">
        <v>201</v>
      </c>
      <c r="D59" s="31" t="s">
        <v>269</v>
      </c>
      <c r="E59" s="28"/>
      <c r="F59" s="28"/>
      <c r="G59" s="28"/>
      <c r="H59" s="29"/>
      <c r="I59" s="28"/>
      <c r="J59" s="28"/>
    </row>
    <row r="60" spans="1:10" ht="72.400000000000006" customHeight="1" x14ac:dyDescent="0.45">
      <c r="A60" s="40"/>
      <c r="B60" s="41"/>
      <c r="C60" s="27"/>
      <c r="D60" s="31"/>
      <c r="E60" s="28"/>
      <c r="F60" s="28"/>
      <c r="G60" s="28"/>
      <c r="H60" s="29"/>
      <c r="I60" s="28"/>
      <c r="J60" s="28"/>
    </row>
    <row r="61" spans="1:10" ht="15.75" customHeight="1" x14ac:dyDescent="0.45">
      <c r="A61" s="37" t="s">
        <v>22</v>
      </c>
      <c r="B61" s="38"/>
      <c r="C61" s="38"/>
      <c r="D61" s="38"/>
      <c r="E61" s="38"/>
      <c r="F61" s="38"/>
      <c r="G61" s="38"/>
      <c r="H61" s="38"/>
      <c r="I61" s="38"/>
      <c r="J61" s="39"/>
    </row>
    <row r="62" spans="1:10" ht="48" customHeight="1" x14ac:dyDescent="0.45">
      <c r="A62" s="40" t="s">
        <v>102</v>
      </c>
      <c r="B62" s="41" t="s">
        <v>103</v>
      </c>
      <c r="C62" s="27" t="s">
        <v>104</v>
      </c>
      <c r="D62" s="31" t="s">
        <v>267</v>
      </c>
      <c r="E62" s="28"/>
      <c r="F62" s="28"/>
      <c r="G62" s="28"/>
      <c r="H62" s="29"/>
      <c r="I62" s="28"/>
      <c r="J62" s="28"/>
    </row>
    <row r="63" spans="1:10" x14ac:dyDescent="0.45">
      <c r="A63" s="40"/>
      <c r="B63" s="41"/>
      <c r="C63" s="27"/>
      <c r="D63" s="31"/>
      <c r="E63" s="28"/>
      <c r="F63" s="28"/>
      <c r="G63" s="28"/>
      <c r="H63" s="29"/>
      <c r="I63" s="28"/>
      <c r="J63" s="28"/>
    </row>
    <row r="64" spans="1:10" x14ac:dyDescent="0.45">
      <c r="A64" s="40"/>
      <c r="B64" s="41"/>
      <c r="C64" s="27"/>
      <c r="D64" s="31"/>
      <c r="E64" s="28"/>
      <c r="F64" s="28"/>
      <c r="G64" s="28"/>
      <c r="H64" s="29"/>
      <c r="I64" s="28"/>
      <c r="J64" s="28"/>
    </row>
    <row r="65" spans="1:10" x14ac:dyDescent="0.45">
      <c r="A65" s="40"/>
      <c r="B65" s="41"/>
      <c r="C65" s="27"/>
      <c r="D65" s="31"/>
      <c r="E65" s="28"/>
      <c r="F65" s="28"/>
      <c r="G65" s="28"/>
      <c r="H65" s="29"/>
      <c r="I65" s="28"/>
      <c r="J65" s="28"/>
    </row>
    <row r="66" spans="1:10" ht="28.5" x14ac:dyDescent="0.45">
      <c r="A66" s="19" t="s">
        <v>105</v>
      </c>
      <c r="B66" s="20" t="s">
        <v>106</v>
      </c>
      <c r="C66" s="24" t="s">
        <v>233</v>
      </c>
      <c r="D66" s="21" t="s">
        <v>266</v>
      </c>
      <c r="E66" s="22"/>
      <c r="F66" s="22"/>
      <c r="G66" s="22"/>
      <c r="H66" s="23"/>
      <c r="I66" s="22"/>
      <c r="J66" s="22"/>
    </row>
    <row r="67" spans="1:10" ht="28.5" x14ac:dyDescent="0.45">
      <c r="A67" s="25" t="s">
        <v>107</v>
      </c>
      <c r="B67" s="20" t="s">
        <v>108</v>
      </c>
      <c r="C67" s="24" t="s">
        <v>109</v>
      </c>
      <c r="D67" s="21" t="s">
        <v>265</v>
      </c>
      <c r="E67" s="22"/>
      <c r="F67" s="22"/>
      <c r="G67" s="22"/>
      <c r="H67" s="23"/>
      <c r="I67" s="22"/>
      <c r="J67" s="22"/>
    </row>
    <row r="68" spans="1:10" ht="64.150000000000006" customHeight="1" x14ac:dyDescent="0.45">
      <c r="A68" s="40" t="s">
        <v>110</v>
      </c>
      <c r="B68" s="41" t="s">
        <v>111</v>
      </c>
      <c r="C68" s="45" t="s">
        <v>282</v>
      </c>
      <c r="D68" s="31" t="s">
        <v>264</v>
      </c>
      <c r="E68" s="28"/>
      <c r="F68" s="28"/>
      <c r="G68" s="28"/>
      <c r="H68" s="29"/>
      <c r="I68" s="28"/>
      <c r="J68" s="28"/>
    </row>
    <row r="69" spans="1:10" x14ac:dyDescent="0.45">
      <c r="A69" s="40"/>
      <c r="B69" s="41"/>
      <c r="C69" s="45"/>
      <c r="D69" s="31"/>
      <c r="E69" s="28"/>
      <c r="F69" s="28"/>
      <c r="G69" s="28"/>
      <c r="H69" s="29"/>
      <c r="I69" s="28"/>
      <c r="J69" s="28"/>
    </row>
    <row r="70" spans="1:10" ht="69.75" customHeight="1" x14ac:dyDescent="0.45">
      <c r="A70" s="40" t="s">
        <v>112</v>
      </c>
      <c r="B70" s="41" t="s">
        <v>113</v>
      </c>
      <c r="C70" s="27" t="s">
        <v>202</v>
      </c>
      <c r="D70" s="31" t="s">
        <v>263</v>
      </c>
      <c r="E70" s="28"/>
      <c r="F70" s="28"/>
      <c r="G70" s="28"/>
      <c r="H70" s="29"/>
      <c r="I70" s="28"/>
      <c r="J70" s="28"/>
    </row>
    <row r="71" spans="1:10" x14ac:dyDescent="0.45">
      <c r="A71" s="40"/>
      <c r="B71" s="41"/>
      <c r="C71" s="27"/>
      <c r="D71" s="31"/>
      <c r="E71" s="28"/>
      <c r="F71" s="28"/>
      <c r="G71" s="28"/>
      <c r="H71" s="29"/>
      <c r="I71" s="28"/>
      <c r="J71" s="28"/>
    </row>
    <row r="72" spans="1:10" x14ac:dyDescent="0.45">
      <c r="A72" s="40"/>
      <c r="B72" s="41"/>
      <c r="C72" s="27"/>
      <c r="D72" s="31"/>
      <c r="E72" s="28"/>
      <c r="F72" s="28"/>
      <c r="G72" s="28"/>
      <c r="H72" s="29"/>
      <c r="I72" s="28"/>
      <c r="J72" s="28"/>
    </row>
    <row r="73" spans="1:10" x14ac:dyDescent="0.45">
      <c r="A73" s="40"/>
      <c r="B73" s="41"/>
      <c r="C73" s="27"/>
      <c r="D73" s="31"/>
      <c r="E73" s="28"/>
      <c r="F73" s="28"/>
      <c r="G73" s="28"/>
      <c r="H73" s="29"/>
      <c r="I73" s="28"/>
      <c r="J73" s="28"/>
    </row>
    <row r="74" spans="1:10" x14ac:dyDescent="0.45">
      <c r="A74" s="40"/>
      <c r="B74" s="41"/>
      <c r="C74" s="27"/>
      <c r="D74" s="31"/>
      <c r="E74" s="28"/>
      <c r="F74" s="28"/>
      <c r="G74" s="28"/>
      <c r="H74" s="29"/>
      <c r="I74" s="28"/>
      <c r="J74" s="28"/>
    </row>
    <row r="75" spans="1:10" ht="96.75" customHeight="1" x14ac:dyDescent="0.45">
      <c r="A75" s="40" t="s">
        <v>114</v>
      </c>
      <c r="B75" s="41" t="s">
        <v>115</v>
      </c>
      <c r="C75" s="27" t="s">
        <v>116</v>
      </c>
      <c r="D75" s="31" t="s">
        <v>262</v>
      </c>
      <c r="E75" s="28"/>
      <c r="F75" s="28"/>
      <c r="G75" s="28"/>
      <c r="H75" s="29"/>
      <c r="I75" s="28"/>
      <c r="J75" s="28"/>
    </row>
    <row r="76" spans="1:10" x14ac:dyDescent="0.45">
      <c r="A76" s="40"/>
      <c r="B76" s="41"/>
      <c r="C76" s="27"/>
      <c r="D76" s="31"/>
      <c r="E76" s="28"/>
      <c r="F76" s="28"/>
      <c r="G76" s="28"/>
      <c r="H76" s="29"/>
      <c r="I76" s="28"/>
      <c r="J76" s="28"/>
    </row>
    <row r="77" spans="1:10" x14ac:dyDescent="0.45">
      <c r="A77" s="40"/>
      <c r="B77" s="41"/>
      <c r="C77" s="27"/>
      <c r="D77" s="31"/>
      <c r="E77" s="28"/>
      <c r="F77" s="28"/>
      <c r="G77" s="28"/>
      <c r="H77" s="29"/>
      <c r="I77" s="28"/>
      <c r="J77" s="28"/>
    </row>
    <row r="78" spans="1:10" x14ac:dyDescent="0.45">
      <c r="A78" s="40"/>
      <c r="B78" s="41"/>
      <c r="C78" s="27"/>
      <c r="D78" s="31"/>
      <c r="E78" s="28"/>
      <c r="F78" s="28"/>
      <c r="G78" s="28"/>
      <c r="H78" s="29"/>
      <c r="I78" s="28"/>
      <c r="J78" s="28"/>
    </row>
    <row r="79" spans="1:10" x14ac:dyDescent="0.45">
      <c r="A79" s="40"/>
      <c r="B79" s="41"/>
      <c r="C79" s="27"/>
      <c r="D79" s="31"/>
      <c r="E79" s="28"/>
      <c r="F79" s="28"/>
      <c r="G79" s="28"/>
      <c r="H79" s="29"/>
      <c r="I79" s="28"/>
      <c r="J79" s="28"/>
    </row>
    <row r="80" spans="1:10" x14ac:dyDescent="0.45">
      <c r="A80" s="40"/>
      <c r="B80" s="41"/>
      <c r="C80" s="27"/>
      <c r="D80" s="31"/>
      <c r="E80" s="28"/>
      <c r="F80" s="28"/>
      <c r="G80" s="28"/>
      <c r="H80" s="29"/>
      <c r="I80" s="28"/>
      <c r="J80" s="28"/>
    </row>
    <row r="81" spans="1:10" x14ac:dyDescent="0.45">
      <c r="A81" s="40"/>
      <c r="B81" s="41"/>
      <c r="C81" s="27"/>
      <c r="D81" s="31"/>
      <c r="E81" s="28"/>
      <c r="F81" s="28"/>
      <c r="G81" s="28"/>
      <c r="H81" s="29"/>
      <c r="I81" s="28"/>
      <c r="J81" s="28"/>
    </row>
    <row r="82" spans="1:10" ht="62.65" customHeight="1" x14ac:dyDescent="0.45">
      <c r="A82" s="40" t="s">
        <v>117</v>
      </c>
      <c r="B82" s="41" t="s">
        <v>118</v>
      </c>
      <c r="C82" s="27" t="s">
        <v>119</v>
      </c>
      <c r="D82" s="31" t="s">
        <v>261</v>
      </c>
      <c r="E82" s="28"/>
      <c r="F82" s="28"/>
      <c r="G82" s="28"/>
      <c r="H82" s="29"/>
      <c r="I82" s="28"/>
      <c r="J82" s="28"/>
    </row>
    <row r="83" spans="1:10" x14ac:dyDescent="0.45">
      <c r="A83" s="40"/>
      <c r="B83" s="41"/>
      <c r="C83" s="27"/>
      <c r="D83" s="31"/>
      <c r="E83" s="28"/>
      <c r="F83" s="28"/>
      <c r="G83" s="28"/>
      <c r="H83" s="29"/>
      <c r="I83" s="28"/>
      <c r="J83" s="28"/>
    </row>
    <row r="84" spans="1:10" x14ac:dyDescent="0.45">
      <c r="A84" s="40"/>
      <c r="B84" s="41"/>
      <c r="C84" s="27"/>
      <c r="D84" s="31"/>
      <c r="E84" s="28"/>
      <c r="F84" s="28"/>
      <c r="G84" s="28"/>
      <c r="H84" s="29"/>
      <c r="I84" s="28"/>
      <c r="J84" s="28"/>
    </row>
    <row r="85" spans="1:10" x14ac:dyDescent="0.45">
      <c r="A85" s="40"/>
      <c r="B85" s="41"/>
      <c r="C85" s="27"/>
      <c r="D85" s="31"/>
      <c r="E85" s="28"/>
      <c r="F85" s="28"/>
      <c r="G85" s="28"/>
      <c r="H85" s="29"/>
      <c r="I85" s="28"/>
      <c r="J85" s="28"/>
    </row>
    <row r="86" spans="1:10" ht="28.5" x14ac:dyDescent="0.45">
      <c r="A86" s="19" t="s">
        <v>120</v>
      </c>
      <c r="B86" s="20" t="s">
        <v>121</v>
      </c>
      <c r="C86" s="24">
        <v>23.867000000000001</v>
      </c>
      <c r="D86" s="21" t="s">
        <v>260</v>
      </c>
      <c r="E86" s="22"/>
      <c r="F86" s="22"/>
      <c r="G86" s="22"/>
      <c r="H86" s="23"/>
      <c r="I86" s="22"/>
      <c r="J86" s="22"/>
    </row>
    <row r="87" spans="1:10" ht="14.25" customHeight="1" x14ac:dyDescent="0.45">
      <c r="A87" s="37" t="s">
        <v>23</v>
      </c>
      <c r="B87" s="38"/>
      <c r="C87" s="38"/>
      <c r="D87" s="38"/>
      <c r="E87" s="38"/>
      <c r="F87" s="38"/>
      <c r="G87" s="38"/>
      <c r="H87" s="38"/>
      <c r="I87" s="38"/>
      <c r="J87" s="39"/>
    </row>
    <row r="88" spans="1:10" ht="214.5" customHeight="1" x14ac:dyDescent="0.45">
      <c r="A88" s="40" t="s">
        <v>122</v>
      </c>
      <c r="B88" s="41" t="s">
        <v>123</v>
      </c>
      <c r="C88" s="27" t="s">
        <v>203</v>
      </c>
      <c r="D88" s="31" t="s">
        <v>259</v>
      </c>
      <c r="E88" s="28"/>
      <c r="F88" s="28"/>
      <c r="G88" s="28"/>
      <c r="H88" s="29"/>
      <c r="I88" s="28"/>
      <c r="J88" s="28"/>
    </row>
    <row r="89" spans="1:10" x14ac:dyDescent="0.45">
      <c r="A89" s="40"/>
      <c r="B89" s="41"/>
      <c r="C89" s="27"/>
      <c r="D89" s="31"/>
      <c r="E89" s="28"/>
      <c r="F89" s="28"/>
      <c r="G89" s="28"/>
      <c r="H89" s="29"/>
      <c r="I89" s="28"/>
      <c r="J89" s="28"/>
    </row>
    <row r="90" spans="1:10" x14ac:dyDescent="0.45">
      <c r="A90" s="40"/>
      <c r="B90" s="41"/>
      <c r="C90" s="27"/>
      <c r="D90" s="31"/>
      <c r="E90" s="28"/>
      <c r="F90" s="28"/>
      <c r="G90" s="28"/>
      <c r="H90" s="29"/>
      <c r="I90" s="28"/>
      <c r="J90" s="28"/>
    </row>
    <row r="91" spans="1:10" x14ac:dyDescent="0.45">
      <c r="A91" s="40"/>
      <c r="B91" s="41"/>
      <c r="C91" s="27"/>
      <c r="D91" s="31"/>
      <c r="E91" s="28"/>
      <c r="F91" s="28"/>
      <c r="G91" s="28"/>
      <c r="H91" s="29"/>
      <c r="I91" s="28"/>
      <c r="J91" s="28"/>
    </row>
    <row r="92" spans="1:10" ht="26.25" customHeight="1" x14ac:dyDescent="0.45">
      <c r="A92" s="40"/>
      <c r="B92" s="41"/>
      <c r="C92" s="27"/>
      <c r="D92" s="31"/>
      <c r="E92" s="28"/>
      <c r="F92" s="28"/>
      <c r="G92" s="28"/>
      <c r="H92" s="29"/>
      <c r="I92" s="28"/>
      <c r="J92" s="28"/>
    </row>
    <row r="93" spans="1:10" x14ac:dyDescent="0.45">
      <c r="A93" s="40"/>
      <c r="B93" s="41"/>
      <c r="C93" s="27"/>
      <c r="D93" s="31"/>
      <c r="E93" s="28"/>
      <c r="F93" s="28"/>
      <c r="G93" s="28"/>
      <c r="H93" s="29"/>
      <c r="I93" s="28"/>
      <c r="J93" s="28"/>
    </row>
    <row r="94" spans="1:10" ht="52.5" customHeight="1" x14ac:dyDescent="0.45">
      <c r="A94" s="40" t="s">
        <v>124</v>
      </c>
      <c r="B94" s="41" t="s">
        <v>125</v>
      </c>
      <c r="C94" s="27" t="s">
        <v>126</v>
      </c>
      <c r="D94" s="31" t="s">
        <v>258</v>
      </c>
      <c r="E94" s="28"/>
      <c r="F94" s="28"/>
      <c r="G94" s="28"/>
      <c r="H94" s="29"/>
      <c r="I94" s="28"/>
      <c r="J94" s="28"/>
    </row>
    <row r="95" spans="1:10" x14ac:dyDescent="0.45">
      <c r="A95" s="40"/>
      <c r="B95" s="41"/>
      <c r="C95" s="27"/>
      <c r="D95" s="31"/>
      <c r="E95" s="28"/>
      <c r="F95" s="28"/>
      <c r="G95" s="28"/>
      <c r="H95" s="29"/>
      <c r="I95" s="28"/>
      <c r="J95" s="28"/>
    </row>
    <row r="96" spans="1:10" x14ac:dyDescent="0.45">
      <c r="A96" s="40"/>
      <c r="B96" s="41"/>
      <c r="C96" s="27"/>
      <c r="D96" s="31"/>
      <c r="E96" s="28"/>
      <c r="F96" s="28"/>
      <c r="G96" s="28"/>
      <c r="H96" s="29"/>
      <c r="I96" s="28"/>
      <c r="J96" s="28"/>
    </row>
    <row r="97" spans="1:10" x14ac:dyDescent="0.45">
      <c r="A97" s="40"/>
      <c r="B97" s="41"/>
      <c r="C97" s="27"/>
      <c r="D97" s="31"/>
      <c r="E97" s="28"/>
      <c r="F97" s="28"/>
      <c r="G97" s="28"/>
      <c r="H97" s="29"/>
      <c r="I97" s="28"/>
      <c r="J97" s="28"/>
    </row>
    <row r="98" spans="1:10" ht="17.25" customHeight="1" x14ac:dyDescent="0.45">
      <c r="A98" s="40" t="s">
        <v>127</v>
      </c>
      <c r="B98" s="41" t="s">
        <v>128</v>
      </c>
      <c r="C98" s="27" t="s">
        <v>129</v>
      </c>
      <c r="D98" s="31" t="s">
        <v>238</v>
      </c>
      <c r="E98" s="28"/>
      <c r="F98" s="28"/>
      <c r="G98" s="28"/>
      <c r="H98" s="29"/>
      <c r="I98" s="28"/>
      <c r="J98" s="28"/>
    </row>
    <row r="99" spans="1:10" x14ac:dyDescent="0.45">
      <c r="A99" s="40"/>
      <c r="B99" s="41"/>
      <c r="C99" s="27"/>
      <c r="D99" s="31"/>
      <c r="E99" s="28"/>
      <c r="F99" s="28"/>
      <c r="G99" s="28"/>
      <c r="H99" s="29"/>
      <c r="I99" s="28"/>
      <c r="J99" s="28"/>
    </row>
    <row r="100" spans="1:10" x14ac:dyDescent="0.45">
      <c r="A100" s="40"/>
      <c r="B100" s="41"/>
      <c r="C100" s="27"/>
      <c r="D100" s="31"/>
      <c r="E100" s="28"/>
      <c r="F100" s="28"/>
      <c r="G100" s="28"/>
      <c r="H100" s="29"/>
      <c r="I100" s="28"/>
      <c r="J100" s="28"/>
    </row>
    <row r="101" spans="1:10" x14ac:dyDescent="0.45">
      <c r="A101" s="40"/>
      <c r="B101" s="41"/>
      <c r="C101" s="27"/>
      <c r="D101" s="31"/>
      <c r="E101" s="28"/>
      <c r="F101" s="28"/>
      <c r="G101" s="28"/>
      <c r="H101" s="29"/>
      <c r="I101" s="28"/>
      <c r="J101" s="28"/>
    </row>
    <row r="102" spans="1:10" x14ac:dyDescent="0.45">
      <c r="A102" s="40"/>
      <c r="B102" s="41"/>
      <c r="C102" s="27"/>
      <c r="D102" s="31"/>
      <c r="E102" s="28"/>
      <c r="F102" s="28"/>
      <c r="G102" s="28"/>
      <c r="H102" s="29"/>
      <c r="I102" s="28"/>
      <c r="J102" s="28"/>
    </row>
    <row r="103" spans="1:10" x14ac:dyDescent="0.45">
      <c r="A103" s="40"/>
      <c r="B103" s="41"/>
      <c r="C103" s="27"/>
      <c r="D103" s="31"/>
      <c r="E103" s="28"/>
      <c r="F103" s="28"/>
      <c r="G103" s="28"/>
      <c r="H103" s="29"/>
      <c r="I103" s="28"/>
      <c r="J103" s="28"/>
    </row>
    <row r="104" spans="1:10" ht="44.25" customHeight="1" x14ac:dyDescent="0.45">
      <c r="A104" s="40"/>
      <c r="B104" s="41"/>
      <c r="C104" s="27"/>
      <c r="D104" s="31"/>
      <c r="E104" s="28"/>
      <c r="F104" s="28"/>
      <c r="G104" s="28"/>
      <c r="H104" s="29"/>
      <c r="I104" s="28"/>
      <c r="J104" s="28"/>
    </row>
    <row r="105" spans="1:10" ht="78.75" customHeight="1" x14ac:dyDescent="0.45">
      <c r="A105" s="40" t="s">
        <v>130</v>
      </c>
      <c r="B105" s="41" t="s">
        <v>131</v>
      </c>
      <c r="C105" s="27" t="s">
        <v>132</v>
      </c>
      <c r="D105" s="31" t="s">
        <v>236</v>
      </c>
      <c r="E105" s="28"/>
      <c r="F105" s="28"/>
      <c r="G105" s="28"/>
      <c r="H105" s="29"/>
      <c r="I105" s="28"/>
      <c r="J105" s="28"/>
    </row>
    <row r="106" spans="1:10" x14ac:dyDescent="0.45">
      <c r="A106" s="40"/>
      <c r="B106" s="41"/>
      <c r="C106" s="27"/>
      <c r="D106" s="31"/>
      <c r="E106" s="28"/>
      <c r="F106" s="28"/>
      <c r="G106" s="28"/>
      <c r="H106" s="29"/>
      <c r="I106" s="28"/>
      <c r="J106" s="28"/>
    </row>
    <row r="107" spans="1:10" x14ac:dyDescent="0.45">
      <c r="A107" s="40"/>
      <c r="B107" s="41"/>
      <c r="C107" s="27"/>
      <c r="D107" s="31"/>
      <c r="E107" s="28"/>
      <c r="F107" s="28"/>
      <c r="G107" s="28"/>
      <c r="H107" s="29"/>
      <c r="I107" s="28"/>
      <c r="J107" s="28"/>
    </row>
    <row r="108" spans="1:10" x14ac:dyDescent="0.45">
      <c r="A108" s="40"/>
      <c r="B108" s="41"/>
      <c r="C108" s="27"/>
      <c r="D108" s="31"/>
      <c r="E108" s="28"/>
      <c r="F108" s="28"/>
      <c r="G108" s="28"/>
      <c r="H108" s="29"/>
      <c r="I108" s="28"/>
      <c r="J108" s="28"/>
    </row>
    <row r="109" spans="1:10" ht="46.5" customHeight="1" x14ac:dyDescent="0.45">
      <c r="A109" s="40" t="s">
        <v>133</v>
      </c>
      <c r="B109" s="41" t="s">
        <v>134</v>
      </c>
      <c r="C109" s="27" t="s">
        <v>135</v>
      </c>
      <c r="D109" s="31" t="s">
        <v>235</v>
      </c>
      <c r="E109" s="28"/>
      <c r="F109" s="28"/>
      <c r="G109" s="28"/>
      <c r="H109" s="29"/>
      <c r="I109" s="28"/>
      <c r="J109" s="28"/>
    </row>
    <row r="110" spans="1:10" x14ac:dyDescent="0.45">
      <c r="A110" s="40"/>
      <c r="B110" s="41"/>
      <c r="C110" s="27"/>
      <c r="D110" s="31"/>
      <c r="E110" s="28"/>
      <c r="F110" s="28"/>
      <c r="G110" s="28"/>
      <c r="H110" s="29"/>
      <c r="I110" s="28"/>
      <c r="J110" s="28"/>
    </row>
    <row r="111" spans="1:10" x14ac:dyDescent="0.45">
      <c r="A111" s="40" t="s">
        <v>136</v>
      </c>
      <c r="B111" s="41" t="s">
        <v>137</v>
      </c>
      <c r="C111" s="27" t="s">
        <v>138</v>
      </c>
      <c r="D111" s="31" t="s">
        <v>234</v>
      </c>
      <c r="E111" s="28"/>
      <c r="F111" s="28"/>
      <c r="G111" s="28"/>
      <c r="H111" s="29"/>
      <c r="I111" s="28"/>
      <c r="J111" s="28"/>
    </row>
    <row r="112" spans="1:10" x14ac:dyDescent="0.45">
      <c r="A112" s="40"/>
      <c r="B112" s="41"/>
      <c r="C112" s="27"/>
      <c r="D112" s="31"/>
      <c r="E112" s="28"/>
      <c r="F112" s="28"/>
      <c r="G112" s="28"/>
      <c r="H112" s="29"/>
      <c r="I112" s="28"/>
      <c r="J112" s="28"/>
    </row>
    <row r="113" spans="1:10" x14ac:dyDescent="0.45">
      <c r="A113" s="40"/>
      <c r="B113" s="41"/>
      <c r="C113" s="27"/>
      <c r="D113" s="31"/>
      <c r="E113" s="28"/>
      <c r="F113" s="28"/>
      <c r="G113" s="28"/>
      <c r="H113" s="29"/>
      <c r="I113" s="28"/>
      <c r="J113" s="28"/>
    </row>
    <row r="114" spans="1:10" ht="61.5" customHeight="1" x14ac:dyDescent="0.45">
      <c r="A114" s="40"/>
      <c r="B114" s="41"/>
      <c r="C114" s="27"/>
      <c r="D114" s="31"/>
      <c r="E114" s="28"/>
      <c r="F114" s="28"/>
      <c r="G114" s="28"/>
      <c r="H114" s="29"/>
      <c r="I114" s="28"/>
      <c r="J114" s="28"/>
    </row>
    <row r="115" spans="1:10" ht="124.5" customHeight="1" x14ac:dyDescent="0.45">
      <c r="A115" s="40" t="s">
        <v>139</v>
      </c>
      <c r="B115" s="41" t="s">
        <v>140</v>
      </c>
      <c r="C115" s="27" t="s">
        <v>141</v>
      </c>
      <c r="D115" s="31" t="s">
        <v>237</v>
      </c>
      <c r="E115" s="28"/>
      <c r="F115" s="28"/>
      <c r="G115" s="28"/>
      <c r="H115" s="29"/>
      <c r="I115" s="28"/>
      <c r="J115" s="28"/>
    </row>
    <row r="116" spans="1:10" x14ac:dyDescent="0.45">
      <c r="A116" s="40"/>
      <c r="B116" s="41"/>
      <c r="C116" s="27"/>
      <c r="D116" s="31"/>
      <c r="E116" s="28"/>
      <c r="F116" s="28"/>
      <c r="G116" s="28"/>
      <c r="H116" s="29"/>
      <c r="I116" s="28"/>
      <c r="J116" s="28"/>
    </row>
    <row r="117" spans="1:10" x14ac:dyDescent="0.45">
      <c r="A117" s="40"/>
      <c r="B117" s="41"/>
      <c r="C117" s="27"/>
      <c r="D117" s="31"/>
      <c r="E117" s="28"/>
      <c r="F117" s="28"/>
      <c r="G117" s="28"/>
      <c r="H117" s="29"/>
      <c r="I117" s="28"/>
      <c r="J117" s="28"/>
    </row>
    <row r="118" spans="1:10" x14ac:dyDescent="0.45">
      <c r="A118" s="40"/>
      <c r="B118" s="41"/>
      <c r="C118" s="27"/>
      <c r="D118" s="31"/>
      <c r="E118" s="28"/>
      <c r="F118" s="28"/>
      <c r="G118" s="28"/>
      <c r="H118" s="29"/>
      <c r="I118" s="28"/>
      <c r="J118" s="28"/>
    </row>
    <row r="119" spans="1:10" x14ac:dyDescent="0.45">
      <c r="A119" s="40"/>
      <c r="B119" s="41"/>
      <c r="C119" s="27"/>
      <c r="D119" s="31"/>
      <c r="E119" s="28"/>
      <c r="F119" s="28"/>
      <c r="G119" s="28"/>
      <c r="H119" s="29"/>
      <c r="I119" s="28"/>
      <c r="J119" s="28"/>
    </row>
    <row r="120" spans="1:10" ht="57" x14ac:dyDescent="0.45">
      <c r="A120" s="19" t="s">
        <v>142</v>
      </c>
      <c r="B120" s="20" t="s">
        <v>143</v>
      </c>
      <c r="C120" s="24" t="s">
        <v>144</v>
      </c>
      <c r="D120" s="21" t="s">
        <v>239</v>
      </c>
      <c r="E120" s="22"/>
      <c r="F120" s="22"/>
      <c r="G120" s="22"/>
      <c r="H120" s="23"/>
      <c r="I120" s="22"/>
      <c r="J120" s="22"/>
    </row>
    <row r="121" spans="1:10" ht="72.400000000000006" customHeight="1" x14ac:dyDescent="0.45">
      <c r="A121" s="40" t="s">
        <v>145</v>
      </c>
      <c r="B121" s="41" t="s">
        <v>146</v>
      </c>
      <c r="C121" s="27" t="s">
        <v>204</v>
      </c>
      <c r="D121" s="31" t="s">
        <v>240</v>
      </c>
      <c r="E121" s="28"/>
      <c r="F121" s="28"/>
      <c r="G121" s="28"/>
      <c r="H121" s="29"/>
      <c r="I121" s="28"/>
      <c r="J121" s="28"/>
    </row>
    <row r="122" spans="1:10" x14ac:dyDescent="0.45">
      <c r="A122" s="40"/>
      <c r="B122" s="41"/>
      <c r="C122" s="27"/>
      <c r="D122" s="31"/>
      <c r="E122" s="28"/>
      <c r="F122" s="28"/>
      <c r="G122" s="28"/>
      <c r="H122" s="29"/>
      <c r="I122" s="28"/>
      <c r="J122" s="28"/>
    </row>
    <row r="123" spans="1:10" ht="14.25" customHeight="1" x14ac:dyDescent="0.45">
      <c r="A123" s="37" t="s">
        <v>24</v>
      </c>
      <c r="B123" s="38"/>
      <c r="C123" s="38"/>
      <c r="D123" s="38"/>
      <c r="E123" s="38"/>
      <c r="F123" s="38"/>
      <c r="G123" s="38"/>
      <c r="H123" s="38"/>
      <c r="I123" s="38"/>
      <c r="J123" s="39"/>
    </row>
    <row r="124" spans="1:10" ht="227.25" customHeight="1" x14ac:dyDescent="0.45">
      <c r="A124" s="40" t="s">
        <v>147</v>
      </c>
      <c r="B124" s="41" t="s">
        <v>148</v>
      </c>
      <c r="C124" s="27" t="s">
        <v>149</v>
      </c>
      <c r="D124" s="31" t="s">
        <v>241</v>
      </c>
      <c r="E124" s="28"/>
      <c r="F124" s="28"/>
      <c r="G124" s="28"/>
      <c r="H124" s="29"/>
      <c r="I124" s="28"/>
      <c r="J124" s="28"/>
    </row>
    <row r="125" spans="1:10" x14ac:dyDescent="0.45">
      <c r="A125" s="40"/>
      <c r="B125" s="41"/>
      <c r="C125" s="27"/>
      <c r="D125" s="31"/>
      <c r="E125" s="28"/>
      <c r="F125" s="28"/>
      <c r="G125" s="28"/>
      <c r="H125" s="29"/>
      <c r="I125" s="28"/>
      <c r="J125" s="28"/>
    </row>
    <row r="126" spans="1:10" x14ac:dyDescent="0.45">
      <c r="A126" s="40"/>
      <c r="B126" s="41"/>
      <c r="C126" s="27"/>
      <c r="D126" s="31"/>
      <c r="E126" s="28"/>
      <c r="F126" s="28"/>
      <c r="G126" s="28"/>
      <c r="H126" s="29"/>
      <c r="I126" s="28"/>
      <c r="J126" s="28"/>
    </row>
    <row r="127" spans="1:10" x14ac:dyDescent="0.45">
      <c r="A127" s="40"/>
      <c r="B127" s="41"/>
      <c r="C127" s="27"/>
      <c r="D127" s="31"/>
      <c r="E127" s="28"/>
      <c r="F127" s="28"/>
      <c r="G127" s="28"/>
      <c r="H127" s="29"/>
      <c r="I127" s="28"/>
      <c r="J127" s="28"/>
    </row>
    <row r="128" spans="1:10" x14ac:dyDescent="0.45">
      <c r="A128" s="40"/>
      <c r="B128" s="41"/>
      <c r="C128" s="27"/>
      <c r="D128" s="31"/>
      <c r="E128" s="28"/>
      <c r="F128" s="28"/>
      <c r="G128" s="28"/>
      <c r="H128" s="29"/>
      <c r="I128" s="28"/>
      <c r="J128" s="28"/>
    </row>
    <row r="129" spans="1:10" ht="201" customHeight="1" x14ac:dyDescent="0.45">
      <c r="A129" s="40" t="s">
        <v>150</v>
      </c>
      <c r="B129" s="41" t="s">
        <v>151</v>
      </c>
      <c r="C129" s="27" t="s">
        <v>152</v>
      </c>
      <c r="D129" s="31" t="s">
        <v>257</v>
      </c>
      <c r="E129" s="28"/>
      <c r="F129" s="28"/>
      <c r="G129" s="28"/>
      <c r="H129" s="29"/>
      <c r="I129" s="28"/>
      <c r="J129" s="28"/>
    </row>
    <row r="130" spans="1:10" x14ac:dyDescent="0.45">
      <c r="A130" s="40"/>
      <c r="B130" s="41"/>
      <c r="C130" s="27"/>
      <c r="D130" s="31"/>
      <c r="E130" s="28"/>
      <c r="F130" s="28"/>
      <c r="G130" s="28"/>
      <c r="H130" s="29"/>
      <c r="I130" s="28"/>
      <c r="J130" s="28"/>
    </row>
    <row r="131" spans="1:10" x14ac:dyDescent="0.45">
      <c r="A131" s="40"/>
      <c r="B131" s="41"/>
      <c r="C131" s="27"/>
      <c r="D131" s="31"/>
      <c r="E131" s="28"/>
      <c r="F131" s="28"/>
      <c r="G131" s="28"/>
      <c r="H131" s="29"/>
      <c r="I131" s="28"/>
      <c r="J131" s="28"/>
    </row>
    <row r="132" spans="1:10" x14ac:dyDescent="0.45">
      <c r="A132" s="40"/>
      <c r="B132" s="41"/>
      <c r="C132" s="27"/>
      <c r="D132" s="31"/>
      <c r="E132" s="28"/>
      <c r="F132" s="28"/>
      <c r="G132" s="28"/>
      <c r="H132" s="29"/>
      <c r="I132" s="28"/>
      <c r="J132" s="28"/>
    </row>
    <row r="133" spans="1:10" ht="166.5" customHeight="1" x14ac:dyDescent="0.45">
      <c r="A133" s="40" t="s">
        <v>153</v>
      </c>
      <c r="B133" s="41" t="s">
        <v>154</v>
      </c>
      <c r="C133" s="27" t="s">
        <v>205</v>
      </c>
      <c r="D133" s="31" t="s">
        <v>242</v>
      </c>
      <c r="E133" s="28"/>
      <c r="F133" s="28"/>
      <c r="G133" s="28"/>
      <c r="H133" s="29"/>
      <c r="I133" s="28"/>
      <c r="J133" s="28"/>
    </row>
    <row r="134" spans="1:10" x14ac:dyDescent="0.45">
      <c r="A134" s="40"/>
      <c r="B134" s="41"/>
      <c r="C134" s="27"/>
      <c r="D134" s="31"/>
      <c r="E134" s="28"/>
      <c r="F134" s="28"/>
      <c r="G134" s="28"/>
      <c r="H134" s="29"/>
      <c r="I134" s="28"/>
      <c r="J134" s="28"/>
    </row>
    <row r="135" spans="1:10" x14ac:dyDescent="0.45">
      <c r="A135" s="40"/>
      <c r="B135" s="41"/>
      <c r="C135" s="27"/>
      <c r="D135" s="31"/>
      <c r="E135" s="28"/>
      <c r="F135" s="28"/>
      <c r="G135" s="28"/>
      <c r="H135" s="29"/>
      <c r="I135" s="28"/>
      <c r="J135" s="28"/>
    </row>
    <row r="136" spans="1:10" x14ac:dyDescent="0.45">
      <c r="A136" s="40"/>
      <c r="B136" s="41"/>
      <c r="C136" s="27"/>
      <c r="D136" s="31"/>
      <c r="E136" s="28"/>
      <c r="F136" s="28"/>
      <c r="G136" s="28"/>
      <c r="H136" s="29"/>
      <c r="I136" s="28"/>
      <c r="J136" s="28"/>
    </row>
    <row r="137" spans="1:10" ht="34.5" customHeight="1" x14ac:dyDescent="0.45">
      <c r="A137" s="40" t="s">
        <v>155</v>
      </c>
      <c r="B137" s="41" t="s">
        <v>156</v>
      </c>
      <c r="C137" s="27" t="s">
        <v>157</v>
      </c>
      <c r="D137" s="31" t="s">
        <v>243</v>
      </c>
      <c r="E137" s="28"/>
      <c r="F137" s="28"/>
      <c r="G137" s="28"/>
      <c r="H137" s="29"/>
      <c r="I137" s="28"/>
      <c r="J137" s="28"/>
    </row>
    <row r="138" spans="1:10" x14ac:dyDescent="0.45">
      <c r="A138" s="40"/>
      <c r="B138" s="41"/>
      <c r="C138" s="27"/>
      <c r="D138" s="31"/>
      <c r="E138" s="28"/>
      <c r="F138" s="28"/>
      <c r="G138" s="28"/>
      <c r="H138" s="29"/>
      <c r="I138" s="28"/>
      <c r="J138" s="28"/>
    </row>
    <row r="139" spans="1:10" x14ac:dyDescent="0.45">
      <c r="A139" s="40"/>
      <c r="B139" s="41"/>
      <c r="C139" s="27"/>
      <c r="D139" s="31"/>
      <c r="E139" s="28"/>
      <c r="F139" s="28"/>
      <c r="G139" s="28"/>
      <c r="H139" s="29"/>
      <c r="I139" s="28"/>
      <c r="J139" s="28"/>
    </row>
    <row r="140" spans="1:10" ht="57" customHeight="1" x14ac:dyDescent="0.45">
      <c r="A140" s="40" t="s">
        <v>158</v>
      </c>
      <c r="B140" s="41" t="s">
        <v>159</v>
      </c>
      <c r="C140" s="27">
        <v>23.130800000000001</v>
      </c>
      <c r="D140" s="31" t="s">
        <v>244</v>
      </c>
      <c r="E140" s="28"/>
      <c r="F140" s="28"/>
      <c r="G140" s="28"/>
      <c r="H140" s="29"/>
      <c r="I140" s="28"/>
      <c r="J140" s="28"/>
    </row>
    <row r="141" spans="1:10" x14ac:dyDescent="0.45">
      <c r="A141" s="40"/>
      <c r="B141" s="41"/>
      <c r="C141" s="27"/>
      <c r="D141" s="31"/>
      <c r="E141" s="28"/>
      <c r="F141" s="28"/>
      <c r="G141" s="28"/>
      <c r="H141" s="29"/>
      <c r="I141" s="28"/>
      <c r="J141" s="28"/>
    </row>
    <row r="142" spans="1:10" x14ac:dyDescent="0.45">
      <c r="A142" s="40"/>
      <c r="B142" s="41"/>
      <c r="C142" s="27"/>
      <c r="D142" s="31"/>
      <c r="E142" s="28"/>
      <c r="F142" s="28"/>
      <c r="G142" s="28"/>
      <c r="H142" s="29"/>
      <c r="I142" s="28"/>
      <c r="J142" s="28"/>
    </row>
    <row r="143" spans="1:10" x14ac:dyDescent="0.45">
      <c r="A143" s="40"/>
      <c r="B143" s="41"/>
      <c r="C143" s="27"/>
      <c r="D143" s="31"/>
      <c r="E143" s="28"/>
      <c r="F143" s="28"/>
      <c r="G143" s="28"/>
      <c r="H143" s="29"/>
      <c r="I143" s="28"/>
      <c r="J143" s="28"/>
    </row>
    <row r="144" spans="1:10" ht="99.75" customHeight="1" x14ac:dyDescent="0.45">
      <c r="A144" s="40" t="s">
        <v>160</v>
      </c>
      <c r="B144" s="41" t="s">
        <v>161</v>
      </c>
      <c r="C144" s="27" t="s">
        <v>162</v>
      </c>
      <c r="D144" s="47" t="s">
        <v>245</v>
      </c>
      <c r="E144" s="28"/>
      <c r="F144" s="28"/>
      <c r="G144" s="28"/>
      <c r="H144" s="29"/>
      <c r="I144" s="28"/>
      <c r="J144" s="28"/>
    </row>
    <row r="145" spans="1:10" x14ac:dyDescent="0.45">
      <c r="A145" s="40"/>
      <c r="B145" s="41"/>
      <c r="C145" s="27"/>
      <c r="D145" s="49"/>
      <c r="E145" s="28"/>
      <c r="F145" s="28"/>
      <c r="G145" s="28"/>
      <c r="H145" s="29"/>
      <c r="I145" s="28"/>
      <c r="J145" s="28"/>
    </row>
    <row r="146" spans="1:10" x14ac:dyDescent="0.45">
      <c r="A146" s="40"/>
      <c r="B146" s="41"/>
      <c r="C146" s="27"/>
      <c r="D146" s="49"/>
      <c r="E146" s="28"/>
      <c r="F146" s="28"/>
      <c r="G146" s="28"/>
      <c r="H146" s="29"/>
      <c r="I146" s="28"/>
      <c r="J146" s="28"/>
    </row>
    <row r="147" spans="1:10" x14ac:dyDescent="0.45">
      <c r="A147" s="40"/>
      <c r="B147" s="41"/>
      <c r="C147" s="27"/>
      <c r="D147" s="50"/>
      <c r="E147" s="28"/>
      <c r="F147" s="28"/>
      <c r="G147" s="28"/>
      <c r="H147" s="29"/>
      <c r="I147" s="28"/>
      <c r="J147" s="28"/>
    </row>
    <row r="148" spans="1:10" ht="156.75" customHeight="1" x14ac:dyDescent="0.45">
      <c r="A148" s="40" t="s">
        <v>163</v>
      </c>
      <c r="B148" s="41" t="s">
        <v>164</v>
      </c>
      <c r="C148" s="27" t="s">
        <v>165</v>
      </c>
      <c r="D148" s="31" t="s">
        <v>246</v>
      </c>
      <c r="E148" s="28"/>
      <c r="F148" s="28"/>
      <c r="G148" s="28"/>
      <c r="H148" s="29"/>
      <c r="I148" s="28"/>
      <c r="J148" s="28"/>
    </row>
    <row r="149" spans="1:10" x14ac:dyDescent="0.45">
      <c r="A149" s="40"/>
      <c r="B149" s="41"/>
      <c r="C149" s="27"/>
      <c r="D149" s="31"/>
      <c r="E149" s="28"/>
      <c r="F149" s="28"/>
      <c r="G149" s="28"/>
      <c r="H149" s="29"/>
      <c r="I149" s="28"/>
      <c r="J149" s="28"/>
    </row>
    <row r="150" spans="1:10" ht="30" customHeight="1" x14ac:dyDescent="0.45">
      <c r="A150" s="40" t="s">
        <v>166</v>
      </c>
      <c r="B150" s="41" t="s">
        <v>167</v>
      </c>
      <c r="C150" s="27" t="s">
        <v>168</v>
      </c>
      <c r="D150" s="47" t="s">
        <v>247</v>
      </c>
      <c r="E150" s="28"/>
      <c r="F150" s="28"/>
      <c r="G150" s="28"/>
      <c r="H150" s="29"/>
      <c r="I150" s="28"/>
      <c r="J150" s="28"/>
    </row>
    <row r="151" spans="1:10" ht="30.75" customHeight="1" x14ac:dyDescent="0.45">
      <c r="A151" s="40"/>
      <c r="B151" s="41"/>
      <c r="C151" s="27"/>
      <c r="D151" s="48"/>
      <c r="E151" s="28"/>
      <c r="F151" s="28"/>
      <c r="G151" s="28"/>
      <c r="H151" s="29"/>
      <c r="I151" s="28"/>
      <c r="J151" s="28"/>
    </row>
    <row r="152" spans="1:10" ht="78.75" customHeight="1" x14ac:dyDescent="0.45">
      <c r="A152" s="46" t="s">
        <v>169</v>
      </c>
      <c r="B152" s="41" t="s">
        <v>170</v>
      </c>
      <c r="C152" s="27" t="s">
        <v>193</v>
      </c>
      <c r="D152" s="31" t="s">
        <v>248</v>
      </c>
      <c r="E152" s="28"/>
      <c r="F152" s="28"/>
      <c r="G152" s="28"/>
      <c r="H152" s="29"/>
      <c r="I152" s="28"/>
      <c r="J152" s="28"/>
    </row>
    <row r="153" spans="1:10" x14ac:dyDescent="0.45">
      <c r="A153" s="46"/>
      <c r="B153" s="41"/>
      <c r="C153" s="27"/>
      <c r="D153" s="31"/>
      <c r="E153" s="28"/>
      <c r="F153" s="28"/>
      <c r="G153" s="28"/>
      <c r="H153" s="29"/>
      <c r="I153" s="28"/>
      <c r="J153" s="28"/>
    </row>
    <row r="154" spans="1:10" ht="43.5" customHeight="1" x14ac:dyDescent="0.45">
      <c r="A154" s="40" t="s">
        <v>171</v>
      </c>
      <c r="B154" s="41" t="s">
        <v>172</v>
      </c>
      <c r="C154" s="27" t="s">
        <v>173</v>
      </c>
      <c r="D154" s="31" t="s">
        <v>249</v>
      </c>
      <c r="E154" s="28"/>
      <c r="F154" s="28"/>
      <c r="G154" s="28"/>
      <c r="H154" s="29"/>
      <c r="I154" s="28"/>
      <c r="J154" s="28"/>
    </row>
    <row r="155" spans="1:10" x14ac:dyDescent="0.45">
      <c r="A155" s="40"/>
      <c r="B155" s="41"/>
      <c r="C155" s="27"/>
      <c r="D155" s="31"/>
      <c r="E155" s="28"/>
      <c r="F155" s="28"/>
      <c r="G155" s="28"/>
      <c r="H155" s="29"/>
      <c r="I155" s="28"/>
      <c r="J155" s="28"/>
    </row>
    <row r="156" spans="1:10" x14ac:dyDescent="0.45">
      <c r="A156" s="46" t="s">
        <v>174</v>
      </c>
      <c r="B156" s="41" t="s">
        <v>175</v>
      </c>
      <c r="C156" s="27">
        <v>23.146100000000001</v>
      </c>
      <c r="D156" s="31" t="s">
        <v>250</v>
      </c>
      <c r="E156" s="28"/>
      <c r="F156" s="28"/>
      <c r="G156" s="28"/>
      <c r="H156" s="29"/>
      <c r="I156" s="28"/>
      <c r="J156" s="28"/>
    </row>
    <row r="157" spans="1:10" x14ac:dyDescent="0.45">
      <c r="A157" s="46"/>
      <c r="B157" s="41"/>
      <c r="C157" s="27"/>
      <c r="D157" s="31"/>
      <c r="E157" s="28"/>
      <c r="F157" s="28"/>
      <c r="G157" s="28"/>
      <c r="H157" s="29"/>
      <c r="I157" s="28"/>
      <c r="J157" s="28"/>
    </row>
    <row r="158" spans="1:10" ht="14.25" customHeight="1" x14ac:dyDescent="0.45">
      <c r="A158" s="37" t="s">
        <v>25</v>
      </c>
      <c r="B158" s="38"/>
      <c r="C158" s="38"/>
      <c r="D158" s="38"/>
      <c r="E158" s="38"/>
      <c r="F158" s="38"/>
      <c r="G158" s="38"/>
      <c r="H158" s="38"/>
      <c r="I158" s="38"/>
      <c r="J158" s="39"/>
    </row>
    <row r="159" spans="1:10" ht="246.75" customHeight="1" x14ac:dyDescent="0.45">
      <c r="A159" s="40" t="s">
        <v>176</v>
      </c>
      <c r="B159" s="41" t="s">
        <v>177</v>
      </c>
      <c r="C159" s="27" t="s">
        <v>206</v>
      </c>
      <c r="D159" s="31" t="s">
        <v>251</v>
      </c>
      <c r="E159" s="28"/>
      <c r="F159" s="28"/>
      <c r="G159" s="28"/>
      <c r="H159" s="29"/>
      <c r="I159" s="28"/>
      <c r="J159" s="28"/>
    </row>
    <row r="160" spans="1:10" x14ac:dyDescent="0.45">
      <c r="A160" s="40"/>
      <c r="B160" s="41"/>
      <c r="C160" s="27"/>
      <c r="D160" s="31"/>
      <c r="E160" s="28"/>
      <c r="F160" s="28"/>
      <c r="G160" s="28"/>
      <c r="H160" s="29"/>
      <c r="I160" s="28"/>
      <c r="J160" s="28"/>
    </row>
    <row r="161" spans="1:10" x14ac:dyDescent="0.45">
      <c r="A161" s="40"/>
      <c r="B161" s="41"/>
      <c r="C161" s="27"/>
      <c r="D161" s="31"/>
      <c r="E161" s="28"/>
      <c r="F161" s="28"/>
      <c r="G161" s="28"/>
      <c r="H161" s="29"/>
      <c r="I161" s="28"/>
      <c r="J161" s="28"/>
    </row>
    <row r="162" spans="1:10" x14ac:dyDescent="0.45">
      <c r="A162" s="40"/>
      <c r="B162" s="41"/>
      <c r="C162" s="27"/>
      <c r="D162" s="31"/>
      <c r="E162" s="28"/>
      <c r="F162" s="28"/>
      <c r="G162" s="28"/>
      <c r="H162" s="29"/>
      <c r="I162" s="28"/>
      <c r="J162" s="28"/>
    </row>
    <row r="163" spans="1:10" ht="338.25" customHeight="1" x14ac:dyDescent="0.45">
      <c r="A163" s="40" t="s">
        <v>178</v>
      </c>
      <c r="B163" s="41" t="s">
        <v>179</v>
      </c>
      <c r="C163" s="27" t="s">
        <v>207</v>
      </c>
      <c r="D163" s="31" t="s">
        <v>252</v>
      </c>
      <c r="E163" s="28"/>
      <c r="F163" s="28"/>
      <c r="G163" s="28"/>
      <c r="H163" s="29"/>
      <c r="I163" s="28"/>
      <c r="J163" s="28"/>
    </row>
    <row r="164" spans="1:10" x14ac:dyDescent="0.45">
      <c r="A164" s="40"/>
      <c r="B164" s="41"/>
      <c r="C164" s="27"/>
      <c r="D164" s="31"/>
      <c r="E164" s="28"/>
      <c r="F164" s="28"/>
      <c r="G164" s="28"/>
      <c r="H164" s="29"/>
      <c r="I164" s="28"/>
      <c r="J164" s="28"/>
    </row>
    <row r="165" spans="1:10" ht="180" customHeight="1" x14ac:dyDescent="0.45">
      <c r="A165" s="40" t="s">
        <v>180</v>
      </c>
      <c r="B165" s="41" t="s">
        <v>181</v>
      </c>
      <c r="C165" s="27" t="s">
        <v>208</v>
      </c>
      <c r="D165" s="31" t="s">
        <v>253</v>
      </c>
      <c r="E165" s="28"/>
      <c r="F165" s="28"/>
      <c r="G165" s="28"/>
      <c r="H165" s="29"/>
      <c r="I165" s="28"/>
      <c r="J165" s="28"/>
    </row>
    <row r="166" spans="1:10" x14ac:dyDescent="0.45">
      <c r="A166" s="40"/>
      <c r="B166" s="41"/>
      <c r="C166" s="27"/>
      <c r="D166" s="31"/>
      <c r="E166" s="28"/>
      <c r="F166" s="28"/>
      <c r="G166" s="28"/>
      <c r="H166" s="29"/>
      <c r="I166" s="28"/>
      <c r="J166" s="28"/>
    </row>
    <row r="167" spans="1:10" ht="73.900000000000006" customHeight="1" x14ac:dyDescent="0.45">
      <c r="A167" s="40" t="s">
        <v>182</v>
      </c>
      <c r="B167" s="41" t="s">
        <v>183</v>
      </c>
      <c r="C167" s="27" t="s">
        <v>184</v>
      </c>
      <c r="D167" s="31" t="s">
        <v>254</v>
      </c>
      <c r="E167" s="28"/>
      <c r="F167" s="28"/>
      <c r="G167" s="28"/>
      <c r="H167" s="29"/>
      <c r="I167" s="28"/>
      <c r="J167" s="28"/>
    </row>
    <row r="168" spans="1:10" x14ac:dyDescent="0.45">
      <c r="A168" s="40"/>
      <c r="B168" s="41"/>
      <c r="C168" s="27"/>
      <c r="D168" s="31"/>
      <c r="E168" s="28"/>
      <c r="F168" s="28"/>
      <c r="G168" s="28"/>
      <c r="H168" s="29"/>
      <c r="I168" s="28"/>
      <c r="J168" s="28"/>
    </row>
    <row r="169" spans="1:10" ht="119.25" customHeight="1" x14ac:dyDescent="0.45">
      <c r="A169" s="40" t="s">
        <v>185</v>
      </c>
      <c r="B169" s="41" t="s">
        <v>186</v>
      </c>
      <c r="C169" s="27" t="s">
        <v>209</v>
      </c>
      <c r="D169" s="31" t="s">
        <v>255</v>
      </c>
      <c r="E169" s="28"/>
      <c r="F169" s="28"/>
      <c r="G169" s="28"/>
      <c r="H169" s="29"/>
      <c r="I169" s="28"/>
      <c r="J169" s="28"/>
    </row>
    <row r="170" spans="1:10" x14ac:dyDescent="0.45">
      <c r="A170" s="40"/>
      <c r="B170" s="41"/>
      <c r="C170" s="27"/>
      <c r="D170" s="31"/>
      <c r="E170" s="28"/>
      <c r="F170" s="28"/>
      <c r="G170" s="28"/>
      <c r="H170" s="29"/>
      <c r="I170" s="28"/>
      <c r="J170" s="28"/>
    </row>
    <row r="171" spans="1:10" x14ac:dyDescent="0.45">
      <c r="A171" s="37" t="s">
        <v>28</v>
      </c>
      <c r="B171" s="38"/>
      <c r="C171" s="38"/>
      <c r="D171" s="38"/>
      <c r="E171" s="38"/>
      <c r="F171" s="38"/>
      <c r="G171" s="38"/>
      <c r="H171" s="38"/>
      <c r="I171" s="38"/>
      <c r="J171" s="39"/>
    </row>
    <row r="172" spans="1:10" x14ac:dyDescent="0.45">
      <c r="A172" s="7"/>
      <c r="B172" s="7"/>
      <c r="C172" s="9"/>
      <c r="D172" s="9"/>
      <c r="E172" s="7"/>
      <c r="F172" s="7"/>
      <c r="G172" s="7"/>
      <c r="H172" s="9"/>
      <c r="I172" s="7"/>
      <c r="J172" s="7"/>
    </row>
    <row r="173" spans="1:10" x14ac:dyDescent="0.45">
      <c r="A173" s="3"/>
      <c r="B173" s="4"/>
      <c r="C173" s="4"/>
      <c r="D173" s="4"/>
      <c r="E173" s="7"/>
      <c r="F173" s="7"/>
      <c r="G173" s="7"/>
      <c r="H173" s="9"/>
      <c r="I173" s="7"/>
      <c r="J173" s="7"/>
    </row>
    <row r="174" spans="1:10" x14ac:dyDescent="0.45">
      <c r="A174" s="1"/>
      <c r="B174" s="4"/>
      <c r="C174" s="4"/>
      <c r="D174" s="2"/>
      <c r="E174" s="7"/>
      <c r="F174" s="7"/>
      <c r="G174" s="7"/>
      <c r="H174" s="9"/>
      <c r="I174" s="7"/>
      <c r="J174" s="7"/>
    </row>
    <row r="175" spans="1:10" x14ac:dyDescent="0.45">
      <c r="A175" s="37" t="s">
        <v>27</v>
      </c>
      <c r="B175" s="38"/>
      <c r="C175" s="38"/>
      <c r="D175" s="38"/>
      <c r="E175" s="38"/>
      <c r="F175" s="38"/>
      <c r="G175" s="38"/>
      <c r="H175" s="38"/>
      <c r="I175" s="38"/>
      <c r="J175" s="39"/>
    </row>
    <row r="176" spans="1:10" x14ac:dyDescent="0.45">
      <c r="A176" s="7"/>
      <c r="B176" s="7"/>
      <c r="C176" s="9"/>
      <c r="D176" s="9"/>
      <c r="E176" s="7"/>
      <c r="F176" s="7"/>
      <c r="G176" s="7"/>
      <c r="H176" s="9"/>
      <c r="I176" s="7"/>
      <c r="J176" s="7"/>
    </row>
    <row r="177" spans="1:10" x14ac:dyDescent="0.45">
      <c r="A177" s="3"/>
      <c r="B177" s="4"/>
      <c r="C177" s="4"/>
      <c r="D177" s="4"/>
      <c r="E177" s="7"/>
      <c r="F177" s="7"/>
      <c r="G177" s="7"/>
      <c r="H177" s="9"/>
      <c r="I177" s="7"/>
      <c r="J177" s="7"/>
    </row>
    <row r="178" spans="1:10" x14ac:dyDescent="0.45">
      <c r="A178" s="1"/>
      <c r="B178" s="4"/>
      <c r="C178" s="4"/>
      <c r="D178" s="2"/>
      <c r="E178" s="7"/>
      <c r="F178" s="7"/>
      <c r="G178" s="7"/>
      <c r="H178" s="9"/>
      <c r="I178" s="7"/>
      <c r="J178" s="7"/>
    </row>
  </sheetData>
  <mergeCells count="441">
    <mergeCell ref="D144:D147"/>
    <mergeCell ref="J169:J170"/>
    <mergeCell ref="E169:E170"/>
    <mergeCell ref="F169:F170"/>
    <mergeCell ref="G169:G170"/>
    <mergeCell ref="H169:H170"/>
    <mergeCell ref="I169:I170"/>
    <mergeCell ref="J165:J166"/>
    <mergeCell ref="E167:E168"/>
    <mergeCell ref="F167:F168"/>
    <mergeCell ref="G167:G168"/>
    <mergeCell ref="H167:H168"/>
    <mergeCell ref="I167:I168"/>
    <mergeCell ref="J167:J168"/>
    <mergeCell ref="E165:E166"/>
    <mergeCell ref="F165:F166"/>
    <mergeCell ref="G165:G166"/>
    <mergeCell ref="H165:H166"/>
    <mergeCell ref="I165:I166"/>
    <mergeCell ref="J159:J162"/>
    <mergeCell ref="D159:D162"/>
    <mergeCell ref="E163:E164"/>
    <mergeCell ref="A158:J158"/>
    <mergeCell ref="A156:A157"/>
    <mergeCell ref="B156:B157"/>
    <mergeCell ref="C156:C157"/>
    <mergeCell ref="D156:D157"/>
    <mergeCell ref="J154:J155"/>
    <mergeCell ref="E156:E157"/>
    <mergeCell ref="A171:J171"/>
    <mergeCell ref="A175:J175"/>
    <mergeCell ref="F163:F164"/>
    <mergeCell ref="G163:G164"/>
    <mergeCell ref="H163:H164"/>
    <mergeCell ref="I163:I164"/>
    <mergeCell ref="J163:J164"/>
    <mergeCell ref="E159:E162"/>
    <mergeCell ref="F159:F162"/>
    <mergeCell ref="G159:G162"/>
    <mergeCell ref="H159:H162"/>
    <mergeCell ref="I159:I162"/>
    <mergeCell ref="D148:D149"/>
    <mergeCell ref="E152:E153"/>
    <mergeCell ref="F152:F153"/>
    <mergeCell ref="G152:G153"/>
    <mergeCell ref="H152:H153"/>
    <mergeCell ref="I152:I153"/>
    <mergeCell ref="J152:J153"/>
    <mergeCell ref="E150:E151"/>
    <mergeCell ref="F150:F151"/>
    <mergeCell ref="G150:G151"/>
    <mergeCell ref="H150:H151"/>
    <mergeCell ref="I150:I151"/>
    <mergeCell ref="D150:D151"/>
    <mergeCell ref="F156:F157"/>
    <mergeCell ref="G156:G157"/>
    <mergeCell ref="H156:H157"/>
    <mergeCell ref="J144:J147"/>
    <mergeCell ref="E148:E149"/>
    <mergeCell ref="F148:F149"/>
    <mergeCell ref="G148:G149"/>
    <mergeCell ref="H148:H149"/>
    <mergeCell ref="I148:I149"/>
    <mergeCell ref="J148:J149"/>
    <mergeCell ref="E144:E147"/>
    <mergeCell ref="F144:F147"/>
    <mergeCell ref="G144:G147"/>
    <mergeCell ref="H144:H147"/>
    <mergeCell ref="I144:I147"/>
    <mergeCell ref="J150:J151"/>
    <mergeCell ref="I156:I157"/>
    <mergeCell ref="J156:J157"/>
    <mergeCell ref="E154:E155"/>
    <mergeCell ref="F154:F155"/>
    <mergeCell ref="G154:G155"/>
    <mergeCell ref="H154:H155"/>
    <mergeCell ref="I154:I155"/>
    <mergeCell ref="I137:I139"/>
    <mergeCell ref="J137:J139"/>
    <mergeCell ref="D140:D143"/>
    <mergeCell ref="E140:E143"/>
    <mergeCell ref="F140:F143"/>
    <mergeCell ref="G140:G143"/>
    <mergeCell ref="H140:H143"/>
    <mergeCell ref="I140:I143"/>
    <mergeCell ref="J140:J143"/>
    <mergeCell ref="D137:D139"/>
    <mergeCell ref="E137:E139"/>
    <mergeCell ref="F137:F139"/>
    <mergeCell ref="G137:G139"/>
    <mergeCell ref="H137:H139"/>
    <mergeCell ref="J129:J132"/>
    <mergeCell ref="D124:D128"/>
    <mergeCell ref="D129:D132"/>
    <mergeCell ref="E133:E136"/>
    <mergeCell ref="F133:F136"/>
    <mergeCell ref="G133:G136"/>
    <mergeCell ref="H133:H136"/>
    <mergeCell ref="I133:I136"/>
    <mergeCell ref="J133:J136"/>
    <mergeCell ref="D133:D136"/>
    <mergeCell ref="E129:E132"/>
    <mergeCell ref="F129:F132"/>
    <mergeCell ref="G129:G132"/>
    <mergeCell ref="H129:H132"/>
    <mergeCell ref="I129:I132"/>
    <mergeCell ref="I121:I122"/>
    <mergeCell ref="J121:J122"/>
    <mergeCell ref="E124:E128"/>
    <mergeCell ref="F124:F128"/>
    <mergeCell ref="G124:G128"/>
    <mergeCell ref="H124:H128"/>
    <mergeCell ref="I124:I128"/>
    <mergeCell ref="J124:J128"/>
    <mergeCell ref="D121:D122"/>
    <mergeCell ref="E121:E122"/>
    <mergeCell ref="F121:F122"/>
    <mergeCell ref="G121:G122"/>
    <mergeCell ref="H121:H122"/>
    <mergeCell ref="A123:J123"/>
    <mergeCell ref="J36:J38"/>
    <mergeCell ref="D111:D114"/>
    <mergeCell ref="E115:E119"/>
    <mergeCell ref="F115:F119"/>
    <mergeCell ref="G115:G119"/>
    <mergeCell ref="H115:H119"/>
    <mergeCell ref="I115:I119"/>
    <mergeCell ref="J115:J119"/>
    <mergeCell ref="D115:D119"/>
    <mergeCell ref="E36:E38"/>
    <mergeCell ref="F36:F38"/>
    <mergeCell ref="G36:G38"/>
    <mergeCell ref="H36:H38"/>
    <mergeCell ref="I36:I38"/>
    <mergeCell ref="J111:J114"/>
    <mergeCell ref="D98:D104"/>
    <mergeCell ref="D105:D108"/>
    <mergeCell ref="D109:D110"/>
    <mergeCell ref="E111:E114"/>
    <mergeCell ref="F111:F114"/>
    <mergeCell ref="G111:G114"/>
    <mergeCell ref="H111:H114"/>
    <mergeCell ref="I111:I114"/>
    <mergeCell ref="J105:J108"/>
    <mergeCell ref="E109:E110"/>
    <mergeCell ref="F109:F110"/>
    <mergeCell ref="G109:G110"/>
    <mergeCell ref="H109:H110"/>
    <mergeCell ref="I109:I110"/>
    <mergeCell ref="J109:J110"/>
    <mergeCell ref="E105:E108"/>
    <mergeCell ref="F105:F108"/>
    <mergeCell ref="G105:G108"/>
    <mergeCell ref="H105:H108"/>
    <mergeCell ref="I105:I108"/>
    <mergeCell ref="J94:J97"/>
    <mergeCell ref="D94:D97"/>
    <mergeCell ref="D88:D93"/>
    <mergeCell ref="E98:E104"/>
    <mergeCell ref="F98:F104"/>
    <mergeCell ref="G98:G104"/>
    <mergeCell ref="H98:H104"/>
    <mergeCell ref="I98:I104"/>
    <mergeCell ref="J98:J104"/>
    <mergeCell ref="E94:E97"/>
    <mergeCell ref="F94:F97"/>
    <mergeCell ref="G94:G97"/>
    <mergeCell ref="H94:H97"/>
    <mergeCell ref="I94:I97"/>
    <mergeCell ref="J82:J85"/>
    <mergeCell ref="D75:D81"/>
    <mergeCell ref="D82:D85"/>
    <mergeCell ref="E88:E93"/>
    <mergeCell ref="F88:F93"/>
    <mergeCell ref="G88:G93"/>
    <mergeCell ref="H88:H93"/>
    <mergeCell ref="I88:I93"/>
    <mergeCell ref="J88:J93"/>
    <mergeCell ref="E82:E85"/>
    <mergeCell ref="F82:F85"/>
    <mergeCell ref="G82:G85"/>
    <mergeCell ref="H82:H85"/>
    <mergeCell ref="I82:I85"/>
    <mergeCell ref="A87:J87"/>
    <mergeCell ref="A75:A81"/>
    <mergeCell ref="B75:B81"/>
    <mergeCell ref="C75:C81"/>
    <mergeCell ref="A82:A85"/>
    <mergeCell ref="B82:B85"/>
    <mergeCell ref="C82:C85"/>
    <mergeCell ref="J70:J74"/>
    <mergeCell ref="D70:D74"/>
    <mergeCell ref="E75:E81"/>
    <mergeCell ref="F75:F81"/>
    <mergeCell ref="G75:G81"/>
    <mergeCell ref="H75:H81"/>
    <mergeCell ref="I75:I81"/>
    <mergeCell ref="J75:J81"/>
    <mergeCell ref="E70:E74"/>
    <mergeCell ref="F70:F74"/>
    <mergeCell ref="G70:G74"/>
    <mergeCell ref="H70:H74"/>
    <mergeCell ref="I70:I74"/>
    <mergeCell ref="J62:J65"/>
    <mergeCell ref="E68:E69"/>
    <mergeCell ref="F68:F69"/>
    <mergeCell ref="G68:G69"/>
    <mergeCell ref="H68:H69"/>
    <mergeCell ref="I68:I69"/>
    <mergeCell ref="J68:J69"/>
    <mergeCell ref="E62:E65"/>
    <mergeCell ref="F62:F65"/>
    <mergeCell ref="G62:G65"/>
    <mergeCell ref="H62:H65"/>
    <mergeCell ref="I62:I65"/>
    <mergeCell ref="J56:J58"/>
    <mergeCell ref="E59:E60"/>
    <mergeCell ref="F59:F60"/>
    <mergeCell ref="G59:G60"/>
    <mergeCell ref="H59:H60"/>
    <mergeCell ref="I59:I60"/>
    <mergeCell ref="J59:J60"/>
    <mergeCell ref="E56:E58"/>
    <mergeCell ref="F56:F58"/>
    <mergeCell ref="G56:G58"/>
    <mergeCell ref="H56:H58"/>
    <mergeCell ref="I56:I58"/>
    <mergeCell ref="F50:F53"/>
    <mergeCell ref="G50:G53"/>
    <mergeCell ref="H50:H53"/>
    <mergeCell ref="I50:I53"/>
    <mergeCell ref="J50:J53"/>
    <mergeCell ref="E47:E49"/>
    <mergeCell ref="F47:F49"/>
    <mergeCell ref="G47:G49"/>
    <mergeCell ref="H47:H49"/>
    <mergeCell ref="I47:I49"/>
    <mergeCell ref="J28:J29"/>
    <mergeCell ref="E32:E33"/>
    <mergeCell ref="F32:F33"/>
    <mergeCell ref="G32:G33"/>
    <mergeCell ref="H32:H33"/>
    <mergeCell ref="I32:I33"/>
    <mergeCell ref="J32:J33"/>
    <mergeCell ref="E28:E29"/>
    <mergeCell ref="F28:F29"/>
    <mergeCell ref="G28:G29"/>
    <mergeCell ref="H28:H29"/>
    <mergeCell ref="I28:I29"/>
    <mergeCell ref="A30:J30"/>
    <mergeCell ref="A28:A29"/>
    <mergeCell ref="B28:B29"/>
    <mergeCell ref="D28:D29"/>
    <mergeCell ref="A32:A33"/>
    <mergeCell ref="B32:B33"/>
    <mergeCell ref="D32:D33"/>
    <mergeCell ref="C28:C29"/>
    <mergeCell ref="C32:C33"/>
    <mergeCell ref="A167:A168"/>
    <mergeCell ref="B167:B168"/>
    <mergeCell ref="C167:C168"/>
    <mergeCell ref="D167:D168"/>
    <mergeCell ref="A169:A170"/>
    <mergeCell ref="B169:B170"/>
    <mergeCell ref="C169:C170"/>
    <mergeCell ref="D169:D170"/>
    <mergeCell ref="A163:A164"/>
    <mergeCell ref="B163:B164"/>
    <mergeCell ref="C163:C164"/>
    <mergeCell ref="D163:D164"/>
    <mergeCell ref="A165:A166"/>
    <mergeCell ref="B165:B166"/>
    <mergeCell ref="C165:C166"/>
    <mergeCell ref="D165:D166"/>
    <mergeCell ref="A159:A162"/>
    <mergeCell ref="B159:B162"/>
    <mergeCell ref="E45:E46"/>
    <mergeCell ref="A152:A153"/>
    <mergeCell ref="B152:B153"/>
    <mergeCell ref="D152:D153"/>
    <mergeCell ref="A154:A155"/>
    <mergeCell ref="B154:B155"/>
    <mergeCell ref="C154:C155"/>
    <mergeCell ref="D154:D155"/>
    <mergeCell ref="A148:A149"/>
    <mergeCell ref="B148:B149"/>
    <mergeCell ref="C148:C149"/>
    <mergeCell ref="A150:A151"/>
    <mergeCell ref="B150:B151"/>
    <mergeCell ref="C150:C151"/>
    <mergeCell ref="A140:A143"/>
    <mergeCell ref="B140:B143"/>
    <mergeCell ref="C140:C143"/>
    <mergeCell ref="A144:A147"/>
    <mergeCell ref="B144:B147"/>
    <mergeCell ref="C144:C147"/>
    <mergeCell ref="A133:A136"/>
    <mergeCell ref="B133:B136"/>
    <mergeCell ref="A137:A139"/>
    <mergeCell ref="B137:B139"/>
    <mergeCell ref="C137:C139"/>
    <mergeCell ref="A124:A128"/>
    <mergeCell ref="B124:B128"/>
    <mergeCell ref="C124:C128"/>
    <mergeCell ref="A129:A132"/>
    <mergeCell ref="B129:B132"/>
    <mergeCell ref="C129:C132"/>
    <mergeCell ref="A115:A119"/>
    <mergeCell ref="B115:B119"/>
    <mergeCell ref="C115:C119"/>
    <mergeCell ref="A121:A122"/>
    <mergeCell ref="B121:B122"/>
    <mergeCell ref="C121:C122"/>
    <mergeCell ref="A109:A110"/>
    <mergeCell ref="B109:B110"/>
    <mergeCell ref="C109:C110"/>
    <mergeCell ref="A111:A114"/>
    <mergeCell ref="B111:B114"/>
    <mergeCell ref="C111:C114"/>
    <mergeCell ref="A98:A104"/>
    <mergeCell ref="B98:B104"/>
    <mergeCell ref="C98:C104"/>
    <mergeCell ref="A105:A108"/>
    <mergeCell ref="B105:B108"/>
    <mergeCell ref="C105:C108"/>
    <mergeCell ref="A88:A93"/>
    <mergeCell ref="B88:B93"/>
    <mergeCell ref="C88:C93"/>
    <mergeCell ref="A94:A97"/>
    <mergeCell ref="B94:B97"/>
    <mergeCell ref="C94:C97"/>
    <mergeCell ref="A68:A69"/>
    <mergeCell ref="B68:B69"/>
    <mergeCell ref="C68:C69"/>
    <mergeCell ref="A70:A74"/>
    <mergeCell ref="B70:B74"/>
    <mergeCell ref="C70:C74"/>
    <mergeCell ref="A59:A60"/>
    <mergeCell ref="B59:B60"/>
    <mergeCell ref="C59:C60"/>
    <mergeCell ref="A62:A65"/>
    <mergeCell ref="B62:B65"/>
    <mergeCell ref="C62:C65"/>
    <mergeCell ref="A54:A55"/>
    <mergeCell ref="B54:B55"/>
    <mergeCell ref="C54:C55"/>
    <mergeCell ref="A61:J61"/>
    <mergeCell ref="D54:D55"/>
    <mergeCell ref="A56:A58"/>
    <mergeCell ref="B56:B58"/>
    <mergeCell ref="C56:C58"/>
    <mergeCell ref="A47:A49"/>
    <mergeCell ref="B47:B49"/>
    <mergeCell ref="C47:C49"/>
    <mergeCell ref="A50:A53"/>
    <mergeCell ref="B50:B53"/>
    <mergeCell ref="C50:C53"/>
    <mergeCell ref="D47:D49"/>
    <mergeCell ref="D50:D53"/>
    <mergeCell ref="D56:D58"/>
    <mergeCell ref="D59:D60"/>
    <mergeCell ref="J54:J55"/>
    <mergeCell ref="E54:E55"/>
    <mergeCell ref="F54:F55"/>
    <mergeCell ref="G54:G55"/>
    <mergeCell ref="H54:H55"/>
    <mergeCell ref="I54:I55"/>
    <mergeCell ref="A43:A44"/>
    <mergeCell ref="B43:B44"/>
    <mergeCell ref="C43:C44"/>
    <mergeCell ref="D43:D44"/>
    <mergeCell ref="A45:A46"/>
    <mergeCell ref="B45:B46"/>
    <mergeCell ref="C45:C46"/>
    <mergeCell ref="D45:D46"/>
    <mergeCell ref="A36:A38"/>
    <mergeCell ref="B36:B38"/>
    <mergeCell ref="C36:C38"/>
    <mergeCell ref="A39:A40"/>
    <mergeCell ref="B39:B40"/>
    <mergeCell ref="C39:C40"/>
    <mergeCell ref="D39:D40"/>
    <mergeCell ref="D36:D38"/>
    <mergeCell ref="A13:A14"/>
    <mergeCell ref="B13:B14"/>
    <mergeCell ref="C13:C14"/>
    <mergeCell ref="A24:A25"/>
    <mergeCell ref="B24:B25"/>
    <mergeCell ref="D13:D14"/>
    <mergeCell ref="H2:H4"/>
    <mergeCell ref="I2:I4"/>
    <mergeCell ref="J2:J4"/>
    <mergeCell ref="A12:J12"/>
    <mergeCell ref="I13:I14"/>
    <mergeCell ref="J13:J14"/>
    <mergeCell ref="E24:E25"/>
    <mergeCell ref="F24:F25"/>
    <mergeCell ref="G24:G25"/>
    <mergeCell ref="H24:H25"/>
    <mergeCell ref="I24:I25"/>
    <mergeCell ref="J24:J25"/>
    <mergeCell ref="E13:E14"/>
    <mergeCell ref="F13:F14"/>
    <mergeCell ref="G13:G14"/>
    <mergeCell ref="H13:H14"/>
    <mergeCell ref="C24:C25"/>
    <mergeCell ref="D24:D25"/>
    <mergeCell ref="A1:J1"/>
    <mergeCell ref="C9:D11"/>
    <mergeCell ref="F2:F4"/>
    <mergeCell ref="G2:G4"/>
    <mergeCell ref="C3:D3"/>
    <mergeCell ref="E3:E4"/>
    <mergeCell ref="A2:A4"/>
    <mergeCell ref="B2:B4"/>
    <mergeCell ref="C2:E2"/>
    <mergeCell ref="A8:J8"/>
    <mergeCell ref="F39:F40"/>
    <mergeCell ref="C159:C162"/>
    <mergeCell ref="I43:I44"/>
    <mergeCell ref="J43:J44"/>
    <mergeCell ref="F45:F46"/>
    <mergeCell ref="G45:G46"/>
    <mergeCell ref="H45:H46"/>
    <mergeCell ref="I45:I46"/>
    <mergeCell ref="J45:J46"/>
    <mergeCell ref="E39:E40"/>
    <mergeCell ref="E43:E44"/>
    <mergeCell ref="F43:F44"/>
    <mergeCell ref="G43:G44"/>
    <mergeCell ref="H43:H44"/>
    <mergeCell ref="G39:G40"/>
    <mergeCell ref="C133:C136"/>
    <mergeCell ref="H39:H40"/>
    <mergeCell ref="I39:I40"/>
    <mergeCell ref="J39:J40"/>
    <mergeCell ref="C152:C153"/>
    <mergeCell ref="D62:D65"/>
    <mergeCell ref="D68:D69"/>
    <mergeCell ref="J47:J49"/>
    <mergeCell ref="E50:E53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ivil Aviation Authority of New Zealand</dc:creator>
  <cp:lastModifiedBy>Brendan Shanley</cp:lastModifiedBy>
  <dcterms:created xsi:type="dcterms:W3CDTF">2021-09-30T22:42:07Z</dcterms:created>
  <dcterms:modified xsi:type="dcterms:W3CDTF">2022-08-08T02:49:43Z</dcterms:modified>
</cp:coreProperties>
</file>